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2">
  <p:sldMasterIdLst>
    <p:sldMasterId id="2147483648" r:id="rId4"/>
    <p:sldMasterId id="2147483749" r:id="rId5"/>
  </p:sldMasterIdLst>
  <p:notesMasterIdLst>
    <p:notesMasterId r:id="rId28"/>
  </p:notesMasterIdLst>
  <p:sldIdLst>
    <p:sldId id="2145707759" r:id="rId6"/>
    <p:sldId id="2145707787" r:id="rId7"/>
    <p:sldId id="2145707760" r:id="rId8"/>
    <p:sldId id="2145707775" r:id="rId9"/>
    <p:sldId id="2145707792" r:id="rId10"/>
    <p:sldId id="2145707791" r:id="rId11"/>
    <p:sldId id="4707" r:id="rId12"/>
    <p:sldId id="2145707799" r:id="rId13"/>
    <p:sldId id="2145707794" r:id="rId14"/>
    <p:sldId id="285" r:id="rId15"/>
    <p:sldId id="286" r:id="rId16"/>
    <p:sldId id="2145707797" r:id="rId17"/>
    <p:sldId id="267" r:id="rId18"/>
    <p:sldId id="2145707798" r:id="rId19"/>
    <p:sldId id="2145707793" r:id="rId20"/>
    <p:sldId id="4708" r:id="rId21"/>
    <p:sldId id="4709" r:id="rId22"/>
    <p:sldId id="4703" r:id="rId23"/>
    <p:sldId id="262" r:id="rId24"/>
    <p:sldId id="2145707796" r:id="rId25"/>
    <p:sldId id="4698" r:id="rId26"/>
    <p:sldId id="2145707762" r:id="rId27"/>
  </p:sldIdLst>
  <p:sldSz cx="12192000" cy="6858000"/>
  <p:notesSz cx="6858000" cy="9144000"/>
  <p:defaultTextStyle>
    <a:defPPr>
      <a:defRPr lang="es-C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ección predeterminada" id="{7AF29CCD-6670-AA4A-9E85-43266D91E2D2}">
          <p14:sldIdLst>
            <p14:sldId id="2145707759"/>
            <p14:sldId id="2145707787"/>
            <p14:sldId id="2145707760"/>
            <p14:sldId id="2145707775"/>
            <p14:sldId id="2145707792"/>
            <p14:sldId id="2145707791"/>
            <p14:sldId id="4707"/>
            <p14:sldId id="2145707799"/>
            <p14:sldId id="2145707794"/>
            <p14:sldId id="285"/>
            <p14:sldId id="286"/>
            <p14:sldId id="2145707797"/>
            <p14:sldId id="267"/>
            <p14:sldId id="2145707798"/>
            <p14:sldId id="2145707793"/>
            <p14:sldId id="4708"/>
            <p14:sldId id="4709"/>
            <p14:sldId id="4703"/>
            <p14:sldId id="262"/>
            <p14:sldId id="2145707796"/>
            <p14:sldId id="4698"/>
            <p14:sldId id="2145707762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enovo" initials="L" lastIdx="2" clrIdx="0">
    <p:extLst>
      <p:ext uri="{19B8F6BF-5375-455C-9EA6-DF929625EA0E}">
        <p15:presenceInfo xmlns:p15="http://schemas.microsoft.com/office/powerpoint/2012/main" userId="Lenovo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9723E"/>
    <a:srgbClr val="FF9900"/>
    <a:srgbClr val="FFCE00"/>
    <a:srgbClr val="FFFF99"/>
    <a:srgbClr val="66FFFF"/>
    <a:srgbClr val="FF66FF"/>
    <a:srgbClr val="FF99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115F384-C728-1653-8E40-34690D79EB1B}" v="245" dt="2024-04-11T02:31:18.267"/>
    <p1510:client id="{1FDC179D-6507-49C9-B831-A32B5AEAB9B4}" v="551" dt="2024-04-11T05:17:13.818"/>
    <p1510:client id="{466B72D7-D689-46A2-86D2-453A33C3A1BF}" v="277" dt="2024-04-11T06:53:59.024"/>
    <p1510:client id="{B546F189-9E3A-D593-932E-1E43ED50B558}" v="1" dt="2024-04-11T03:47:09.569"/>
    <p1510:client id="{FB45BCCB-88A0-864A-913F-2AD4991A1569}" v="759" dt="2024-04-11T13:08:41.575"/>
  </p1510:revLst>
</p1510:revInfo>
</file>

<file path=ppt/tableStyles.xml><?xml version="1.0" encoding="utf-8"?>
<a:tblStyleLst xmlns:a="http://schemas.openxmlformats.org/drawingml/2006/main" def="{5C22544A-7EE6-4342-B048-85BDC9FD1C3A}">
  <a:tblStyle styleId="{775DCB02-9BB8-47FD-8907-85C794F793BA}" styleName="Estilo temático 1 - Énfasis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C4B1156A-380E-4F78-BDF5-A606A8083BF9}" styleName="Estilo medio 4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E929F9F4-4A8F-4326-A1B4-22849713DDAB}" styleName="Estilo oscuro 1 - Énfasis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ED083AE6-46FA-4A59-8FB0-9F97EB10719F}" styleName="Estilo claro 3 - Acento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E269D01E-BC32-4049-B463-5C60D7B0CCD2}" styleName="Estilo temático 2 - Énfasis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E171933-4619-4E11-9A3F-F7608DF75F80}" styleName="Estilo medio 1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0A15C55-8517-42AA-B614-E9B94910E393}" styleName="Estilo medio 2 - Énfasis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D27102A9-8310-4765-A935-A1911B00CA55}" styleName="Estilo claro 1 - Acento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68D230F3-CF80-4859-8CE7-A43EE81993B5}" styleName="Estilo claro 1 - Acento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Estilo medio 2 - Énfasi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6D9F66E-5EB9-4882-86FB-DCBF35E3C3E4}" styleName="Estilo medio 4 - Énfasis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10A1B5D5-9B99-4C35-A422-299274C87663}" styleName="Estilo medio 1 - Énfasis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E8B1032C-EA38-4F05-BA0D-38AFFFC7BED3}" styleName="Estilo claro 3 - Acento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C083E6E3-FA7D-4D7B-A595-EF9225AFEA82}" styleName="Estilo claro 1 - Acento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Estilo medio 2 - Énfasis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306799F8-075E-4A3A-A7F6-7FBC6576F1A4}" styleName="Estilo temático 2 - Énfasis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9C7853C-536D-4A76-A0AE-DD22124D55A5}" styleName="Estilo temático 1 - Énfasis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69012ECD-51FC-41F1-AA8D-1B2483CD663E}" styleName="Estilo claro 2 - Acento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530"/>
    <p:restoredTop sz="94709"/>
  </p:normalViewPr>
  <p:slideViewPr>
    <p:cSldViewPr snapToGrid="0">
      <p:cViewPr>
        <p:scale>
          <a:sx n="70" d="100"/>
          <a:sy n="70" d="100"/>
        </p:scale>
        <p:origin x="-162" y="-7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microsoft.com/office/2015/10/relationships/revisionInfo" Target="revisionInfo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presProps" Target="presProps.xml"/><Relationship Id="rId8" Type="http://schemas.openxmlformats.org/officeDocument/2006/relationships/slide" Target="slides/slide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46CB3E5-3112-C642-BDD0-A285BD2949F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CO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888552-F867-174D-AA12-E4A1857CF833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1689569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6C9B94-5F27-576C-CA5C-03776D97B5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MX"/>
              <a:t>Haz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98CF9ECD-2115-756F-CB30-633C396A4C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900A6178-C2D6-C7DD-C6F3-0B11077A44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05FF539E-5739-F701-38AE-7CF495BDF1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F7075E75-15C6-0427-A9C4-613630927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34760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340A6D-40F3-7035-3325-AE83E931D2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posición de imagen 2">
            <a:extLst>
              <a:ext uri="{FF2B5EF4-FFF2-40B4-BE49-F238E27FC236}">
                <a16:creationId xmlns:a16="http://schemas.microsoft.com/office/drawing/2014/main" id="{E2A7D9E6-CAB5-4C7D-1B30-20A8388CC1D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s-CO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F0A158BF-FF6E-847D-7E00-B915B20CB8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6339390A-542E-6DBE-B740-E7FDBBCE6E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9B7D9DE0-64E2-8E89-8A15-452E8AA94F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3E475C1F-5491-8C9E-8151-188052144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8796128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D6EF4EC1-9A5D-C203-76EE-ED4DAF203C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2A7A7F30-1956-B62C-272A-ADC185335CF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E5F27784-2A13-DEBA-B7A7-B5648B35FB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9C7E5DFF-BAFB-4478-A79E-3627C940E4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1E276D13-E0C3-87F7-8BC4-DE19BB4AAA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5576932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A053264E-1F1E-8B7A-0B7F-6674E21A868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ACC91289-1055-C474-3D7D-6E330117F1D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4FE36228-3BC4-C5F3-04FA-86D9A06579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28F34147-CC63-D11E-9D95-4CEEF5A94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785551F5-FFA7-F14A-22DF-F76AFD2C1C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58779997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y objetos" type="obj">
  <p:cSld name="Título y objetos">
    <p:spTree>
      <p:nvGrpSpPr>
        <p:cNvPr id="1" name="Shape 8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Google Shape;86;p2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7" name="Google Shape;87;p2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88" name="Google Shape;88;p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9" name="Google Shape;89;p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90" name="Google Shape;90;p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7121557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ncabezado de sección" type="secHead">
  <p:cSld name="Encabezado de sección">
    <p:spTree>
      <p:nvGrpSpPr>
        <p:cNvPr id="1" name="Shape 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Google Shape;98;p4"/>
          <p:cNvSpPr txBox="1">
            <a:spLocks noGrp="1"/>
          </p:cNvSpPr>
          <p:nvPr>
            <p:ph type="title"/>
          </p:nvPr>
        </p:nvSpPr>
        <p:spPr>
          <a:xfrm>
            <a:off x="831850" y="1709738"/>
            <a:ext cx="10515600" cy="285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99" name="Google Shape;99;p4"/>
          <p:cNvSpPr txBox="1"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888888"/>
              </a:buClr>
              <a:buSzPts val="2400"/>
              <a:buNone/>
              <a:defRPr sz="2400">
                <a:solidFill>
                  <a:srgbClr val="888888"/>
                </a:solidFill>
              </a:defRPr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 sz="2000">
                <a:solidFill>
                  <a:srgbClr val="888888"/>
                </a:solidFill>
              </a:defRPr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800"/>
              <a:buNone/>
              <a:defRPr sz="1800">
                <a:solidFill>
                  <a:srgbClr val="888888"/>
                </a:solidFill>
              </a:defRPr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9pPr>
          </a:lstStyle>
          <a:p>
            <a:endParaRPr/>
          </a:p>
        </p:txBody>
      </p:sp>
      <p:sp>
        <p:nvSpPr>
          <p:cNvPr id="100" name="Google Shape;100;p4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1" name="Google Shape;101;p4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2" name="Google Shape;102;p4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6255700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Dos objetos" type="twoObj">
  <p:cSld name="Dos objetos">
    <p:spTree>
      <p:nvGrpSpPr>
        <p:cNvPr id="1" name="Shape 10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" name="Google Shape;104;p5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5" name="Google Shape;105;p5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6" name="Google Shape;106;p5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7" name="Google Shape;107;p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8" name="Google Shape;108;p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9" name="Google Shape;109;p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371758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ación" type="twoTxTwoObj">
  <p:cSld name="Comparación"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Google Shape;111;p6"/>
          <p:cNvSpPr txBox="1">
            <a:spLocks noGrp="1"/>
          </p:cNvSpPr>
          <p:nvPr>
            <p:ph type="title"/>
          </p:nvPr>
        </p:nvSpPr>
        <p:spPr>
          <a:xfrm>
            <a:off x="839788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2" name="Google Shape;112;p6"/>
          <p:cNvSpPr txBox="1">
            <a:spLocks noGrp="1"/>
          </p:cNvSpPr>
          <p:nvPr>
            <p:ph type="body" idx="1"/>
          </p:nvPr>
        </p:nvSpPr>
        <p:spPr>
          <a:xfrm>
            <a:off x="839788" y="1681163"/>
            <a:ext cx="5157900" cy="82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113" name="Google Shape;113;p6"/>
          <p:cNvSpPr txBox="1">
            <a:spLocks noGrp="1"/>
          </p:cNvSpPr>
          <p:nvPr>
            <p:ph type="body" idx="2"/>
          </p:nvPr>
        </p:nvSpPr>
        <p:spPr>
          <a:xfrm>
            <a:off x="839788" y="2505075"/>
            <a:ext cx="5157900" cy="3684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4" name="Google Shape;114;p6"/>
          <p:cNvSpPr txBox="1">
            <a:spLocks noGrp="1"/>
          </p:cNvSpPr>
          <p:nvPr>
            <p:ph type="body" idx="3"/>
          </p:nvPr>
        </p:nvSpPr>
        <p:spPr>
          <a:xfrm>
            <a:off x="6172200" y="1681163"/>
            <a:ext cx="5183100" cy="82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115" name="Google Shape;115;p6"/>
          <p:cNvSpPr txBox="1">
            <a:spLocks noGrp="1"/>
          </p:cNvSpPr>
          <p:nvPr>
            <p:ph type="body" idx="4"/>
          </p:nvPr>
        </p:nvSpPr>
        <p:spPr>
          <a:xfrm>
            <a:off x="6172200" y="2505075"/>
            <a:ext cx="5183100" cy="3684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6" name="Google Shape;116;p6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7" name="Google Shape;117;p6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8" name="Google Shape;118;p6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54536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olo el título" type="titleOnly">
  <p:cSld name="Solo el título"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7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1" name="Google Shape;121;p7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2" name="Google Shape;122;p7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3" name="Google Shape;123;p7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3718557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n blanco" type="blank">
  <p:cSld name="En blanco">
    <p:spTree>
      <p:nvGrpSpPr>
        <p:cNvPr id="1" name="Shape 1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5" name="Google Shape;125;p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6" name="Google Shape;126;p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7" name="Google Shape;127;p8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8733343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ido con título" type="objTx">
  <p:cSld name="Contenido con título">
    <p:spTree>
      <p:nvGrpSpPr>
        <p:cNvPr id="1" name="Shape 1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Google Shape;129;p9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100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0" name="Google Shape;130;p9"/>
          <p:cNvSpPr txBox="1">
            <a:spLocks noGrp="1"/>
          </p:cNvSpPr>
          <p:nvPr>
            <p:ph type="body" idx="1"/>
          </p:nvPr>
        </p:nvSpPr>
        <p:spPr>
          <a:xfrm>
            <a:off x="5183188" y="987425"/>
            <a:ext cx="6172200" cy="487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318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3200"/>
              <a:buChar char="•"/>
              <a:defRPr sz="3200"/>
            </a:lvl1pPr>
            <a:lvl2pPr marL="914400" lvl="1" indent="-4064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800"/>
              <a:buChar char="•"/>
              <a:defRPr sz="2800"/>
            </a:lvl2pPr>
            <a:lvl3pPr marL="1371600" lvl="2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3pPr>
            <a:lvl4pPr marL="1828800" lvl="3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4pPr>
            <a:lvl5pPr marL="2286000" lvl="4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5pPr>
            <a:lvl6pPr marL="2743200" lvl="5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6pPr>
            <a:lvl7pPr marL="3200400" lvl="6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7pPr>
            <a:lvl8pPr marL="3657600" lvl="7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8pPr>
            <a:lvl9pPr marL="4114800" lvl="8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9pPr>
          </a:lstStyle>
          <a:p>
            <a:endParaRPr/>
          </a:p>
        </p:txBody>
      </p:sp>
      <p:sp>
        <p:nvSpPr>
          <p:cNvPr id="131" name="Google Shape;131;p9"/>
          <p:cNvSpPr txBox="1">
            <a:spLocks noGrp="1"/>
          </p:cNvSpPr>
          <p:nvPr>
            <p:ph type="body" idx="2"/>
          </p:nvPr>
        </p:nvSpPr>
        <p:spPr>
          <a:xfrm>
            <a:off x="839788" y="2057400"/>
            <a:ext cx="3932100" cy="381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132" name="Google Shape;132;p9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3" name="Google Shape;133;p9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4" name="Google Shape;134;p9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36102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5164667-C21E-EE3C-5C2B-E48E142B8C2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B0BED777-E17A-810A-AF6E-DAF4A8C6474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0EDEF531-DDB4-9A1A-52CB-5FA671BE34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E1ED2994-B1B0-D8CB-CDBA-A12484008F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40D4BFD7-F8E9-8E84-59BD-6C603AA00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22190050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n con título" type="picTx">
  <p:cSld name="Imagen con título">
    <p:spTree>
      <p:nvGrpSpPr>
        <p:cNvPr id="1" name="Shape 1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" name="Google Shape;136;p10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100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7" name="Google Shape;137;p10"/>
          <p:cNvSpPr>
            <a:spLocks noGrp="1"/>
          </p:cNvSpPr>
          <p:nvPr>
            <p:ph type="pic" idx="2"/>
          </p:nvPr>
        </p:nvSpPr>
        <p:spPr>
          <a:xfrm>
            <a:off x="5183188" y="987425"/>
            <a:ext cx="6172200" cy="4873500"/>
          </a:xfrm>
          <a:prstGeom prst="rect">
            <a:avLst/>
          </a:prstGeom>
          <a:noFill/>
          <a:ln>
            <a:noFill/>
          </a:ln>
        </p:spPr>
      </p:sp>
      <p:sp>
        <p:nvSpPr>
          <p:cNvPr id="138" name="Google Shape;138;p10"/>
          <p:cNvSpPr txBox="1">
            <a:spLocks noGrp="1"/>
          </p:cNvSpPr>
          <p:nvPr>
            <p:ph type="body" idx="1"/>
          </p:nvPr>
        </p:nvSpPr>
        <p:spPr>
          <a:xfrm>
            <a:off x="839788" y="2057400"/>
            <a:ext cx="3932100" cy="381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139" name="Google Shape;139;p10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0" name="Google Shape;140;p10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1" name="Google Shape;141;p10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22509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y texto vertical" type="vertTx">
  <p:cSld name="Título y texto vertical">
    <p:spTree>
      <p:nvGrpSpPr>
        <p:cNvPr id="1" name="Shape 1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" name="Google Shape;143;p1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4" name="Google Shape;144;p11"/>
          <p:cNvSpPr txBox="1">
            <a:spLocks noGrp="1"/>
          </p:cNvSpPr>
          <p:nvPr>
            <p:ph type="body" idx="1"/>
          </p:nvPr>
        </p:nvSpPr>
        <p:spPr>
          <a:xfrm rot="5400000">
            <a:off x="3920400" y="-1256575"/>
            <a:ext cx="4351200" cy="1051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45" name="Google Shape;145;p1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6" name="Google Shape;146;p1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7" name="Google Shape;147;p1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82482952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vertical y texto" type="vertTitleAndTx">
  <p:cSld name="Título vertical y texto">
    <p:spTree>
      <p:nvGrpSpPr>
        <p:cNvPr id="1" name="Shape 14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" name="Google Shape;149;p12"/>
          <p:cNvSpPr txBox="1">
            <a:spLocks noGrp="1"/>
          </p:cNvSpPr>
          <p:nvPr>
            <p:ph type="title"/>
          </p:nvPr>
        </p:nvSpPr>
        <p:spPr>
          <a:xfrm rot="5400000">
            <a:off x="7133400" y="1956625"/>
            <a:ext cx="5811900" cy="2628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0" name="Google Shape;150;p12"/>
          <p:cNvSpPr txBox="1">
            <a:spLocks noGrp="1"/>
          </p:cNvSpPr>
          <p:nvPr>
            <p:ph type="body" idx="1"/>
          </p:nvPr>
        </p:nvSpPr>
        <p:spPr>
          <a:xfrm rot="5400000">
            <a:off x="1799400" y="-596075"/>
            <a:ext cx="5811900" cy="7734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51" name="Google Shape;151;p1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2" name="Google Shape;152;p1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3" name="Google Shape;153;p1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0039672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6C9B94-5F27-576C-CA5C-03776D97B5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98CF9ECD-2115-756F-CB30-633C396A4C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900A6178-C2D6-C7DD-C6F3-0B11077A44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05FF539E-5739-F701-38AE-7CF495BDF1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F7075E75-15C6-0427-A9C4-613630927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34760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4541FB5-2C74-4EC3-E5C0-2E05B86604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389A13A9-5F25-7A2F-4C0A-D1FF7C37F7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82DCB142-CE85-5A04-D74E-E9D12A72EF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9F1A1157-98F5-BAB6-BB2E-4187561D14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9A4A3062-730C-E1E9-74A9-E8278FADFE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83474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F9C9BA64-D303-2269-A35B-4789C5EC56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F0189D6B-3B4F-F29B-CC12-D55E939C07D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371A831F-5A64-73EB-9535-B3943DE307C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F126774A-FD32-B9F2-3B9E-91AECBE4B0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F9864099-E4E7-4A41-E112-FAAF15014F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9BEF12FA-AEE7-2AAE-1E6A-A892F6B92D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7732519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118A94FB-B50D-D7F9-B8D1-D4132B34A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940C015A-F963-82E7-D570-5E78BE89478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934BF0C9-C60F-8BC8-927D-443736795D9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5" name="Marcador de texto 4">
            <a:extLst>
              <a:ext uri="{FF2B5EF4-FFF2-40B4-BE49-F238E27FC236}">
                <a16:creationId xmlns:a16="http://schemas.microsoft.com/office/drawing/2014/main" id="{46A8EB92-2F62-D972-74B5-7DAC8D745D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Marcador de contenido 5">
            <a:extLst>
              <a:ext uri="{FF2B5EF4-FFF2-40B4-BE49-F238E27FC236}">
                <a16:creationId xmlns:a16="http://schemas.microsoft.com/office/drawing/2014/main" id="{BCD52327-02DF-8D80-A257-B2CC7F3EA8D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7" name="Marcador de fecha 6">
            <a:extLst>
              <a:ext uri="{FF2B5EF4-FFF2-40B4-BE49-F238E27FC236}">
                <a16:creationId xmlns:a16="http://schemas.microsoft.com/office/drawing/2014/main" id="{A20B4925-2CD1-A99A-2572-8E00AAAE3B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8" name="Marcador de pie de página 7">
            <a:extLst>
              <a:ext uri="{FF2B5EF4-FFF2-40B4-BE49-F238E27FC236}">
                <a16:creationId xmlns:a16="http://schemas.microsoft.com/office/drawing/2014/main" id="{4F6363B2-F1BD-FAF9-2F13-08A36FB632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9" name="Marcador de número de diapositiva 8">
            <a:extLst>
              <a:ext uri="{FF2B5EF4-FFF2-40B4-BE49-F238E27FC236}">
                <a16:creationId xmlns:a16="http://schemas.microsoft.com/office/drawing/2014/main" id="{376DC013-ECF3-ACAC-74FE-537FE22EA4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2612637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2850100-8F44-1D9A-3F4E-DFE81324DE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13FCB48E-1BBA-D7DD-343A-24B205B388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E809DEBD-4A40-5F6B-6A4C-E26521864C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3F141FBB-DC96-00B3-B900-03E0696ED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6797974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>
            <a:extLst>
              <a:ext uri="{FF2B5EF4-FFF2-40B4-BE49-F238E27FC236}">
                <a16:creationId xmlns:a16="http://schemas.microsoft.com/office/drawing/2014/main" id="{C13D52B9-09EB-6652-BB46-6310088B56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3" name="Marcador de pie de página 2">
            <a:extLst>
              <a:ext uri="{FF2B5EF4-FFF2-40B4-BE49-F238E27FC236}">
                <a16:creationId xmlns:a16="http://schemas.microsoft.com/office/drawing/2014/main" id="{EAAE8D00-27E3-CE46-FAEB-BBB716510D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D0B8094B-FC72-69A5-1E99-67B2D76D88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4162978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22432F5-7136-C374-D824-DFB3CA1C1D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2E957148-A18B-46C1-A422-D0AEB65FFE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56BBB9B4-508B-0710-E737-1FEF1819DF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D9190769-EB50-08D4-4DC0-0335505E06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0761BC01-5262-E0E1-E1C9-A0F04E22BA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DB73A281-C37B-CA4C-B1F9-2CB36716B7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7710399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id="{FE22631B-DA93-674A-0E82-DB777DE3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MX"/>
              <a:t>Haz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53612A1C-23F5-7C29-563B-BE42ABC9C32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6B0A8CD2-0EF6-B1F3-34E8-A39DEC1ED2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17883F-3691-C943-9DFF-E681C1DEAD1E}" type="datetimeFigureOut">
              <a:rPr lang="es-CO" smtClean="0"/>
              <a:t>10/05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BCD75930-C2D1-7599-DE14-7EC84ED9CA9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5522243F-E44D-6327-F41A-36D44EED88C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1269F0-EEA4-0E40-AC05-8F487FE3FC24}" type="slidenum">
              <a:rPr lang="es-CO" smtClean="0"/>
              <a:t>‹Nº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1199335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49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C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Google Shape;80;p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81" name="Google Shape;81;p1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2" name="Google Shape;82;p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3" name="Google Shape;83;p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4" name="Google Shape;84;p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Nº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58505423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750" r:id="rId1"/>
    <p:sldLayoutId id="2147483751" r:id="rId2"/>
    <p:sldLayoutId id="2147483752" r:id="rId3"/>
    <p:sldLayoutId id="2147483753" r:id="rId4"/>
    <p:sldLayoutId id="2147483754" r:id="rId5"/>
    <p:sldLayoutId id="2147483755" r:id="rId6"/>
    <p:sldLayoutId id="2147483756" r:id="rId7"/>
    <p:sldLayoutId id="2147483757" r:id="rId8"/>
    <p:sldLayoutId id="2147483758" r:id="rId9"/>
    <p:sldLayoutId id="2147483759" r:id="rId10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3.png"/><Relationship Id="rId4" Type="http://schemas.openxmlformats.org/officeDocument/2006/relationships/image" Target="../media/image3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4.png"/><Relationship Id="rId4" Type="http://schemas.openxmlformats.org/officeDocument/2006/relationships/image" Target="../media/image3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5.png"/><Relationship Id="rId4" Type="http://schemas.openxmlformats.org/officeDocument/2006/relationships/image" Target="../media/image3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47.svg"/><Relationship Id="rId5" Type="http://schemas.openxmlformats.org/officeDocument/2006/relationships/image" Target="../media/image46.png"/><Relationship Id="rId4" Type="http://schemas.openxmlformats.org/officeDocument/2006/relationships/image" Target="../media/image3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hyperlink" Target="https://www.supertransporte.gov.co/index.php/formulario-sisi-peccit" TargetMode="External"/><Relationship Id="rId4" Type="http://schemas.openxmlformats.org/officeDocument/2006/relationships/image" Target="../media/image3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48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7" Type="http://schemas.openxmlformats.org/officeDocument/2006/relationships/image" Target="../media/image11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50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7" Type="http://schemas.openxmlformats.org/officeDocument/2006/relationships/image" Target="../media/image11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51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4.emf"/><Relationship Id="rId5" Type="http://schemas.openxmlformats.org/officeDocument/2006/relationships/image" Target="../media/image53.png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8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57.svg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56.png"/><Relationship Id="rId2" Type="http://schemas.openxmlformats.org/officeDocument/2006/relationships/tags" Target="../tags/tag2.xml"/><Relationship Id="rId16" Type="http://schemas.openxmlformats.org/officeDocument/2006/relationships/image" Target="../media/image11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microsoft.com/office/2007/relationships/hdphoto" Target="../media/hdphoto1.wdp"/><Relationship Id="rId5" Type="http://schemas.openxmlformats.org/officeDocument/2006/relationships/tags" Target="../tags/tag5.xml"/><Relationship Id="rId15" Type="http://schemas.openxmlformats.org/officeDocument/2006/relationships/image" Target="../media/image59.svg"/><Relationship Id="rId10" Type="http://schemas.openxmlformats.org/officeDocument/2006/relationships/image" Target="../media/image55.png"/><Relationship Id="rId4" Type="http://schemas.openxmlformats.org/officeDocument/2006/relationships/tags" Target="../tags/tag4.xml"/><Relationship Id="rId9" Type="http://schemas.openxmlformats.org/officeDocument/2006/relationships/image" Target="../media/image23.png"/><Relationship Id="rId14" Type="http://schemas.openxmlformats.org/officeDocument/2006/relationships/image" Target="../media/image5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.xml"/><Relationship Id="rId4" Type="http://schemas.microsoft.com/office/2007/relationships/hdphoto" Target="../media/hdphoto2.wdp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1.jpe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jpg"/><Relationship Id="rId7" Type="http://schemas.openxmlformats.org/officeDocument/2006/relationships/image" Target="../media/image10.emf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9.emf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sv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svg"/><Relationship Id="rId10" Type="http://schemas.openxmlformats.org/officeDocument/2006/relationships/image" Target="../media/image20.sv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image" Target="../media/image24.png"/><Relationship Id="rId7" Type="http://schemas.openxmlformats.org/officeDocument/2006/relationships/image" Target="../media/image28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25.svg"/><Relationship Id="rId9" Type="http://schemas.openxmlformats.org/officeDocument/2006/relationships/image" Target="../media/image3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openxmlformats.org/officeDocument/2006/relationships/image" Target="../media/image31.png"/><Relationship Id="rId7" Type="http://schemas.openxmlformats.org/officeDocument/2006/relationships/image" Target="../media/image35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0.png"/><Relationship Id="rId4" Type="http://schemas.openxmlformats.org/officeDocument/2006/relationships/image" Target="../media/image32.png"/><Relationship Id="rId9" Type="http://schemas.openxmlformats.org/officeDocument/2006/relationships/image" Target="../media/image2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13.png"/><Relationship Id="rId7" Type="http://schemas.openxmlformats.org/officeDocument/2006/relationships/image" Target="../media/image40.sv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24.png"/><Relationship Id="rId5" Type="http://schemas.openxmlformats.org/officeDocument/2006/relationships/image" Target="../media/image39.png"/><Relationship Id="rId4" Type="http://schemas.openxmlformats.org/officeDocument/2006/relationships/image" Target="../media/image38.png"/><Relationship Id="rId9" Type="http://schemas.openxmlformats.org/officeDocument/2006/relationships/image" Target="../media/image42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n">
            <a:extLst>
              <a:ext uri="{FF2B5EF4-FFF2-40B4-BE49-F238E27FC236}">
                <a16:creationId xmlns:a16="http://schemas.microsoft.com/office/drawing/2014/main" id="{D028C9BD-C93C-02BE-09F2-0897D87C0EF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773" b="12467"/>
          <a:stretch/>
        </p:blipFill>
        <p:spPr bwMode="auto">
          <a:xfrm>
            <a:off x="1" y="-63501"/>
            <a:ext cx="12192000" cy="6921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ángulo 3">
            <a:extLst>
              <a:ext uri="{FF2B5EF4-FFF2-40B4-BE49-F238E27FC236}">
                <a16:creationId xmlns:a16="http://schemas.microsoft.com/office/drawing/2014/main" id="{C2D96128-6DBE-4DF2-C5F0-7B4EC1550CED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>
              <a:alpha val="34700"/>
            </a:schemeClr>
          </a:solidFill>
        </p:spPr>
        <p:style>
          <a:lnRef idx="2">
            <a:schemeClr val="dk1">
              <a:shade val="15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7E2E2D49-81C3-0992-2344-3C8898A1ED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1000" y="903224"/>
            <a:ext cx="6350000" cy="4521200"/>
          </a:xfrm>
          <a:prstGeom prst="rect">
            <a:avLst/>
          </a:prstGeom>
        </p:spPr>
      </p:pic>
      <p:sp>
        <p:nvSpPr>
          <p:cNvPr id="3" name="CuadroTexto 2">
            <a:extLst>
              <a:ext uri="{FF2B5EF4-FFF2-40B4-BE49-F238E27FC236}">
                <a16:creationId xmlns:a16="http://schemas.microsoft.com/office/drawing/2014/main" id="{D66E2843-5EDA-B2BB-1A2A-C10DED210B25}"/>
              </a:ext>
            </a:extLst>
          </p:cNvPr>
          <p:cNvSpPr txBox="1"/>
          <p:nvPr/>
        </p:nvSpPr>
        <p:spPr>
          <a:xfrm>
            <a:off x="2921000" y="5031446"/>
            <a:ext cx="6100762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s-419" sz="1800" b="1" i="0" u="none" strike="noStrike">
                <a:solidFill>
                  <a:schemeClr val="bg1"/>
                </a:solidFill>
                <a:effectLst/>
                <a:latin typeface="Nunito" pitchFamily="2" charset="77"/>
              </a:rPr>
              <a:t>ALINEACIÓN  ESTRATÉGICA </a:t>
            </a:r>
            <a:r>
              <a:rPr lang="en-US" sz="1800" b="0" i="0">
                <a:solidFill>
                  <a:schemeClr val="bg1"/>
                </a:solidFill>
                <a:effectLst/>
                <a:latin typeface="Nunito" pitchFamily="2" charset="77"/>
              </a:rPr>
              <a:t>​</a:t>
            </a:r>
            <a:r>
              <a:rPr lang="es-CO" sz="1800" b="1" i="0" u="none" strike="noStrike">
                <a:solidFill>
                  <a:schemeClr val="bg1"/>
                </a:solidFill>
                <a:effectLst/>
                <a:latin typeface="Nunito" pitchFamily="2" charset="77"/>
              </a:rPr>
              <a:t>TRANSFORMACIÓN DEL PROCESO DE INSPECCIÓN VIGILANCIA Y CONTROL DEL  SECTOR TRANSPORTE </a:t>
            </a:r>
            <a:endParaRPr lang="es-CO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28836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73297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>
                <a:latin typeface="Nunito" pitchFamily="2" charset="77"/>
              </a:endParaRPr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lang="es-ES_tradnl" sz="1200">
                <a:latin typeface="Nunito" pitchFamily="2" charset="77"/>
              </a:endParaRPr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8" name="TextBox 8"/>
          <p:cNvSpPr txBox="1"/>
          <p:nvPr/>
        </p:nvSpPr>
        <p:spPr>
          <a:xfrm>
            <a:off x="3719450" y="5072657"/>
            <a:ext cx="251321" cy="64056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s-ES_tradnl" sz="4400">
                <a:solidFill>
                  <a:srgbClr val="FFFFFF"/>
                </a:solidFill>
                <a:latin typeface="Nunito" pitchFamily="2" charset="77"/>
              </a:rPr>
              <a:t>3</a:t>
            </a:r>
          </a:p>
        </p:txBody>
      </p:sp>
      <p:sp>
        <p:nvSpPr>
          <p:cNvPr id="9" name="TextBox 9"/>
          <p:cNvSpPr txBox="1"/>
          <p:nvPr/>
        </p:nvSpPr>
        <p:spPr>
          <a:xfrm>
            <a:off x="1929656" y="3321395"/>
            <a:ext cx="251321" cy="64056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s-ES_tradnl" sz="4400">
                <a:solidFill>
                  <a:srgbClr val="FFFFFF"/>
                </a:solidFill>
                <a:latin typeface="Nunito" pitchFamily="2" charset="77"/>
              </a:rPr>
              <a:t>5</a:t>
            </a:r>
          </a:p>
        </p:txBody>
      </p:sp>
      <p:grpSp>
        <p:nvGrpSpPr>
          <p:cNvPr id="10" name="Group 10"/>
          <p:cNvGrpSpPr/>
          <p:nvPr/>
        </p:nvGrpSpPr>
        <p:grpSpPr>
          <a:xfrm>
            <a:off x="719474" y="1538279"/>
            <a:ext cx="1461503" cy="489969"/>
            <a:chOff x="0" y="0"/>
            <a:chExt cx="577384" cy="193568"/>
          </a:xfrm>
        </p:grpSpPr>
        <p:sp>
          <p:nvSpPr>
            <p:cNvPr id="11" name="Freeform 11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2" name="TextBox 12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Pasajeros por </a:t>
              </a:r>
            </a:p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Carretera (PC)</a:t>
              </a:r>
            </a:p>
          </p:txBody>
        </p:sp>
      </p:grpSp>
      <p:grpSp>
        <p:nvGrpSpPr>
          <p:cNvPr id="13" name="Group 13"/>
          <p:cNvGrpSpPr/>
          <p:nvPr/>
        </p:nvGrpSpPr>
        <p:grpSpPr>
          <a:xfrm>
            <a:off x="719474" y="2461587"/>
            <a:ext cx="1461503" cy="489969"/>
            <a:chOff x="0" y="0"/>
            <a:chExt cx="577384" cy="193568"/>
          </a:xfrm>
        </p:grpSpPr>
        <p:sp>
          <p:nvSpPr>
            <p:cNvPr id="14" name="Freeform 14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5" name="TextBox 15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Mixto (MX)</a:t>
              </a:r>
            </a:p>
          </p:txBody>
        </p:sp>
      </p:grpSp>
      <p:grpSp>
        <p:nvGrpSpPr>
          <p:cNvPr id="16" name="Group 16"/>
          <p:cNvGrpSpPr/>
          <p:nvPr/>
        </p:nvGrpSpPr>
        <p:grpSpPr>
          <a:xfrm>
            <a:off x="719474" y="3384895"/>
            <a:ext cx="1461503" cy="489969"/>
            <a:chOff x="0" y="0"/>
            <a:chExt cx="577384" cy="193568"/>
          </a:xfrm>
        </p:grpSpPr>
        <p:sp>
          <p:nvSpPr>
            <p:cNvPr id="17" name="Freeform 17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8" name="TextBox 18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Especial (ES)</a:t>
              </a:r>
            </a:p>
          </p:txBody>
        </p:sp>
      </p:grpSp>
      <p:grpSp>
        <p:nvGrpSpPr>
          <p:cNvPr id="19" name="Group 19"/>
          <p:cNvGrpSpPr/>
          <p:nvPr/>
        </p:nvGrpSpPr>
        <p:grpSpPr>
          <a:xfrm>
            <a:off x="7208133" y="1258556"/>
            <a:ext cx="4752898" cy="2769227"/>
            <a:chOff x="0" y="-240385"/>
            <a:chExt cx="1467102" cy="1094015"/>
          </a:xfrm>
        </p:grpSpPr>
        <p:sp>
          <p:nvSpPr>
            <p:cNvPr id="20" name="Freeform 20"/>
            <p:cNvSpPr/>
            <p:nvPr/>
          </p:nvSpPr>
          <p:spPr>
            <a:xfrm>
              <a:off x="0" y="-240385"/>
              <a:ext cx="1467102" cy="1094015"/>
            </a:xfrm>
            <a:custGeom>
              <a:avLst/>
              <a:gdLst/>
              <a:ahLst/>
              <a:cxnLst/>
              <a:rect l="l" t="t" r="r" b="b"/>
              <a:pathLst>
                <a:path w="1467102" h="695678">
                  <a:moveTo>
                    <a:pt x="0" y="0"/>
                  </a:moveTo>
                  <a:lnTo>
                    <a:pt x="1467102" y="0"/>
                  </a:lnTo>
                  <a:lnTo>
                    <a:pt x="1467102" y="695678"/>
                  </a:lnTo>
                  <a:lnTo>
                    <a:pt x="0" y="69567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1" name="TextBox 21"/>
            <p:cNvSpPr txBox="1"/>
            <p:nvPr/>
          </p:nvSpPr>
          <p:spPr>
            <a:xfrm>
              <a:off x="0" y="-90882"/>
              <a:ext cx="1467102" cy="795889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- RCC: a) muerte; b) incapacidad permanente: c) incapacidad temporal; y d) gastos médicos, quirúrgicos, farmacéuticos y hospitalarios.</a:t>
              </a:r>
            </a:p>
            <a:p>
              <a:pPr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  <a:p>
              <a:pPr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- RCE: a) muerte o lesiones a una persona; b) daños a bienes de terceros; y c) muerte o lesiones a dos o más personas.</a:t>
              </a:r>
            </a:p>
            <a:p>
              <a:pPr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22" name="Group 22"/>
          <p:cNvGrpSpPr/>
          <p:nvPr/>
        </p:nvGrpSpPr>
        <p:grpSpPr>
          <a:xfrm>
            <a:off x="481069" y="4411264"/>
            <a:ext cx="11025131" cy="903160"/>
            <a:chOff x="0" y="0"/>
            <a:chExt cx="4355607" cy="356804"/>
          </a:xfrm>
        </p:grpSpPr>
        <p:sp>
          <p:nvSpPr>
            <p:cNvPr id="23" name="Freeform 23"/>
            <p:cNvSpPr/>
            <p:nvPr/>
          </p:nvSpPr>
          <p:spPr>
            <a:xfrm>
              <a:off x="0" y="0"/>
              <a:ext cx="4355607" cy="286377"/>
            </a:xfrm>
            <a:custGeom>
              <a:avLst/>
              <a:gdLst/>
              <a:ahLst/>
              <a:cxnLst/>
              <a:rect l="l" t="t" r="r" b="b"/>
              <a:pathLst>
                <a:path w="4355607" h="286377">
                  <a:moveTo>
                    <a:pt x="0" y="0"/>
                  </a:moveTo>
                  <a:lnTo>
                    <a:pt x="4355607" y="0"/>
                  </a:lnTo>
                  <a:lnTo>
                    <a:pt x="4355607" y="286377"/>
                  </a:lnTo>
                  <a:lnTo>
                    <a:pt x="0" y="2863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4" name="TextBox 24"/>
            <p:cNvSpPr txBox="1"/>
            <p:nvPr/>
          </p:nvSpPr>
          <p:spPr>
            <a:xfrm>
              <a:off x="0" y="41852"/>
              <a:ext cx="4355607" cy="314952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Conforme la Legislación colombiana todo vehículo que preste servicio de transporte público a pasajeros, a través de la empresa donde tiene afiliado el automotor, deberá suscribir las pólizas obligatorias que amparen los riesgos inherentes al desarrollo de su actividad</a:t>
              </a:r>
            </a:p>
            <a:p>
              <a:pPr algn="ctr"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25" name="Group 25"/>
          <p:cNvGrpSpPr/>
          <p:nvPr/>
        </p:nvGrpSpPr>
        <p:grpSpPr>
          <a:xfrm>
            <a:off x="245455" y="5597648"/>
            <a:ext cx="2035521" cy="642353"/>
            <a:chOff x="0" y="-41877"/>
            <a:chExt cx="606200" cy="253769"/>
          </a:xfrm>
        </p:grpSpPr>
        <p:sp>
          <p:nvSpPr>
            <p:cNvPr id="26" name="Freeform 26"/>
            <p:cNvSpPr/>
            <p:nvPr/>
          </p:nvSpPr>
          <p:spPr>
            <a:xfrm>
              <a:off x="0" y="-41877"/>
              <a:ext cx="606200" cy="253769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7" name="TextBox 27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3C6CB2"/>
                  </a:solidFill>
                  <a:latin typeface="Nunito" pitchFamily="2" charset="77"/>
                </a:rPr>
                <a:t>Fondo de responsabilidad </a:t>
              </a:r>
            </a:p>
          </p:txBody>
        </p:sp>
      </p:grpSp>
      <p:grpSp>
        <p:nvGrpSpPr>
          <p:cNvPr id="28" name="Group 28"/>
          <p:cNvGrpSpPr/>
          <p:nvPr/>
        </p:nvGrpSpPr>
        <p:grpSpPr>
          <a:xfrm>
            <a:off x="2539035" y="5631236"/>
            <a:ext cx="8967165" cy="838543"/>
            <a:chOff x="-1" y="72663"/>
            <a:chExt cx="3542583" cy="331276"/>
          </a:xfrm>
        </p:grpSpPr>
        <p:sp>
          <p:nvSpPr>
            <p:cNvPr id="29" name="Freeform 29"/>
            <p:cNvSpPr/>
            <p:nvPr/>
          </p:nvSpPr>
          <p:spPr>
            <a:xfrm>
              <a:off x="-1" y="72663"/>
              <a:ext cx="3542583" cy="286377"/>
            </a:xfrm>
            <a:custGeom>
              <a:avLst/>
              <a:gdLst/>
              <a:ahLst/>
              <a:cxnLst/>
              <a:rect l="l" t="t" r="r" b="b"/>
              <a:pathLst>
                <a:path w="3542583" h="286377">
                  <a:moveTo>
                    <a:pt x="0" y="0"/>
                  </a:moveTo>
                  <a:lnTo>
                    <a:pt x="3542583" y="0"/>
                  </a:lnTo>
                  <a:lnTo>
                    <a:pt x="3542583" y="286377"/>
                  </a:lnTo>
                  <a:lnTo>
                    <a:pt x="0" y="2863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0" name="TextBox 30"/>
            <p:cNvSpPr txBox="1"/>
            <p:nvPr/>
          </p:nvSpPr>
          <p:spPr>
            <a:xfrm>
              <a:off x="0" y="88987"/>
              <a:ext cx="3542582" cy="314952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Las empresas podrán constituir fondos de responsabilidad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complementarios</a:t>
              </a: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 para cubrir los riesgos derivados de la prestación del servicio, los cuales en ningún momento suplen a las pólizas de RCC-RCE</a:t>
              </a:r>
            </a:p>
            <a:p>
              <a:pPr algn="ctr"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31" name="Group 31"/>
          <p:cNvGrpSpPr/>
          <p:nvPr/>
        </p:nvGrpSpPr>
        <p:grpSpPr>
          <a:xfrm>
            <a:off x="2658556" y="1330886"/>
            <a:ext cx="3213434" cy="768947"/>
            <a:chOff x="0" y="0"/>
            <a:chExt cx="838237" cy="303782"/>
          </a:xfrm>
        </p:grpSpPr>
        <p:sp>
          <p:nvSpPr>
            <p:cNvPr id="32" name="Freeform 32"/>
            <p:cNvSpPr/>
            <p:nvPr/>
          </p:nvSpPr>
          <p:spPr>
            <a:xfrm>
              <a:off x="0" y="0"/>
              <a:ext cx="838237" cy="303782"/>
            </a:xfrm>
            <a:custGeom>
              <a:avLst/>
              <a:gdLst/>
              <a:ahLst/>
              <a:cxnLst/>
              <a:rect l="l" t="t" r="r" b="b"/>
              <a:pathLst>
                <a:path w="838237" h="303782">
                  <a:moveTo>
                    <a:pt x="0" y="0"/>
                  </a:moveTo>
                  <a:lnTo>
                    <a:pt x="838237" y="0"/>
                  </a:lnTo>
                  <a:lnTo>
                    <a:pt x="838237" y="303782"/>
                  </a:lnTo>
                  <a:lnTo>
                    <a:pt x="0" y="30378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3" name="TextBox 33"/>
            <p:cNvSpPr txBox="1"/>
            <p:nvPr/>
          </p:nvSpPr>
          <p:spPr>
            <a:xfrm>
              <a:off x="0" y="-28575"/>
              <a:ext cx="838237" cy="33235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4.4.1. del Decreto 1079 de 2015 –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60 SMMLV por persona</a:t>
              </a:r>
            </a:p>
          </p:txBody>
        </p:sp>
      </p:grpSp>
      <p:grpSp>
        <p:nvGrpSpPr>
          <p:cNvPr id="34" name="Group 34"/>
          <p:cNvGrpSpPr/>
          <p:nvPr/>
        </p:nvGrpSpPr>
        <p:grpSpPr>
          <a:xfrm>
            <a:off x="2658556" y="2328895"/>
            <a:ext cx="3213434" cy="684487"/>
            <a:chOff x="0" y="0"/>
            <a:chExt cx="838237" cy="334052"/>
          </a:xfrm>
        </p:grpSpPr>
        <p:sp>
          <p:nvSpPr>
            <p:cNvPr id="35" name="Freeform 35"/>
            <p:cNvSpPr/>
            <p:nvPr/>
          </p:nvSpPr>
          <p:spPr>
            <a:xfrm>
              <a:off x="0" y="0"/>
              <a:ext cx="838237" cy="334052"/>
            </a:xfrm>
            <a:custGeom>
              <a:avLst/>
              <a:gdLst/>
              <a:ahLst/>
              <a:cxnLst/>
              <a:rect l="l" t="t" r="r" b="b"/>
              <a:pathLst>
                <a:path w="838237" h="334052">
                  <a:moveTo>
                    <a:pt x="0" y="0"/>
                  </a:moveTo>
                  <a:lnTo>
                    <a:pt x="838237" y="0"/>
                  </a:lnTo>
                  <a:lnTo>
                    <a:pt x="838237" y="334052"/>
                  </a:lnTo>
                  <a:lnTo>
                    <a:pt x="0" y="33405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6" name="TextBox 36"/>
            <p:cNvSpPr txBox="1"/>
            <p:nvPr/>
          </p:nvSpPr>
          <p:spPr>
            <a:xfrm>
              <a:off x="0" y="-28575"/>
              <a:ext cx="838237" cy="3626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5.4.1. del Decreto 1079 de 2015 –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 60 SMMLV por persona</a:t>
              </a:r>
            </a:p>
          </p:txBody>
        </p:sp>
      </p:grpSp>
      <p:grpSp>
        <p:nvGrpSpPr>
          <p:cNvPr id="37" name="Group 37"/>
          <p:cNvGrpSpPr/>
          <p:nvPr/>
        </p:nvGrpSpPr>
        <p:grpSpPr>
          <a:xfrm>
            <a:off x="2658556" y="3320223"/>
            <a:ext cx="3213434" cy="845569"/>
            <a:chOff x="0" y="0"/>
            <a:chExt cx="838237" cy="334052"/>
          </a:xfrm>
        </p:grpSpPr>
        <p:sp>
          <p:nvSpPr>
            <p:cNvPr id="38" name="Freeform 38"/>
            <p:cNvSpPr/>
            <p:nvPr/>
          </p:nvSpPr>
          <p:spPr>
            <a:xfrm>
              <a:off x="0" y="0"/>
              <a:ext cx="838237" cy="334052"/>
            </a:xfrm>
            <a:custGeom>
              <a:avLst/>
              <a:gdLst/>
              <a:ahLst/>
              <a:cxnLst/>
              <a:rect l="l" t="t" r="r" b="b"/>
              <a:pathLst>
                <a:path w="838237" h="334052">
                  <a:moveTo>
                    <a:pt x="0" y="0"/>
                  </a:moveTo>
                  <a:lnTo>
                    <a:pt x="838237" y="0"/>
                  </a:lnTo>
                  <a:lnTo>
                    <a:pt x="838237" y="334052"/>
                  </a:lnTo>
                  <a:lnTo>
                    <a:pt x="0" y="33405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9" name="TextBox 39"/>
            <p:cNvSpPr txBox="1"/>
            <p:nvPr/>
          </p:nvSpPr>
          <p:spPr>
            <a:xfrm>
              <a:off x="0" y="-28575"/>
              <a:ext cx="838237" cy="3626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6.5.1. del Decreto 1079 de 2015 –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100 SMMLV por persona</a:t>
              </a:r>
            </a:p>
          </p:txBody>
        </p:sp>
      </p:grpSp>
      <p:sp>
        <p:nvSpPr>
          <p:cNvPr id="40" name="Freeform 40"/>
          <p:cNvSpPr/>
          <p:nvPr/>
        </p:nvSpPr>
        <p:spPr>
          <a:xfrm>
            <a:off x="6448506" y="1366039"/>
            <a:ext cx="424133" cy="2762920"/>
          </a:xfrm>
          <a:custGeom>
            <a:avLst/>
            <a:gdLst/>
            <a:ahLst/>
            <a:cxnLst/>
            <a:rect l="l" t="t" r="r" b="b"/>
            <a:pathLst>
              <a:path w="636199" h="4144380">
                <a:moveTo>
                  <a:pt x="0" y="0"/>
                </a:moveTo>
                <a:lnTo>
                  <a:pt x="636199" y="0"/>
                </a:lnTo>
                <a:lnTo>
                  <a:pt x="636199" y="4144380"/>
                </a:lnTo>
                <a:lnTo>
                  <a:pt x="0" y="4144380"/>
                </a:lnTo>
                <a:lnTo>
                  <a:pt x="0" y="0"/>
                </a:lnTo>
                <a:close/>
              </a:path>
            </a:pathLst>
          </a:custGeom>
          <a:blipFill>
            <a:blip r:embed="rId5"/>
            <a:stretch>
              <a:fillRect/>
            </a:stretch>
          </a:blipFill>
        </p:spPr>
        <p:txBody>
          <a:bodyPr/>
          <a:lstStyle/>
          <a:p>
            <a:endParaRPr lang="es-ES_tradnl">
              <a:latin typeface="Nunito" pitchFamily="2" charset="77"/>
            </a:endParaRPr>
          </a:p>
        </p:txBody>
      </p:sp>
      <p:sp>
        <p:nvSpPr>
          <p:cNvPr id="41" name="TextBox 41"/>
          <p:cNvSpPr txBox="1"/>
          <p:nvPr/>
        </p:nvSpPr>
        <p:spPr>
          <a:xfrm>
            <a:off x="4952225" y="6579019"/>
            <a:ext cx="2397621" cy="24622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s-ES_tradnl" sz="1400">
                <a:solidFill>
                  <a:srgbClr val="F8F7F7"/>
                </a:solidFill>
                <a:latin typeface="Nunito" pitchFamily="2" charset="77"/>
              </a:rPr>
              <a:t>www.supertransporte.gov.co</a:t>
            </a:r>
          </a:p>
        </p:txBody>
      </p:sp>
      <p:sp>
        <p:nvSpPr>
          <p:cNvPr id="43" name="TextBox 19">
            <a:extLst>
              <a:ext uri="{FF2B5EF4-FFF2-40B4-BE49-F238E27FC236}">
                <a16:creationId xmlns:a16="http://schemas.microsoft.com/office/drawing/2014/main" id="{F6A2318C-5767-8AD1-AEF9-E8385CD9682B}"/>
              </a:ext>
            </a:extLst>
          </p:cNvPr>
          <p:cNvSpPr txBox="1"/>
          <p:nvPr/>
        </p:nvSpPr>
        <p:spPr>
          <a:xfrm>
            <a:off x="2180977" y="222744"/>
            <a:ext cx="6600061" cy="50206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s-ES_tradnl" sz="2800" b="1">
                <a:solidFill>
                  <a:srgbClr val="000000"/>
                </a:solidFill>
                <a:latin typeface="Nunito" pitchFamily="2" charset="77"/>
              </a:rPr>
              <a:t>CONTEXTO NORMATIVO - POLIZAS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-410946" y="6562929"/>
            <a:ext cx="12918261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862495" y="38077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8" name="Freeform 8"/>
          <p:cNvSpPr/>
          <p:nvPr/>
        </p:nvSpPr>
        <p:spPr>
          <a:xfrm>
            <a:off x="365760" y="1196721"/>
            <a:ext cx="11460479" cy="5050022"/>
          </a:xfrm>
          <a:custGeom>
            <a:avLst/>
            <a:gdLst/>
            <a:ahLst/>
            <a:cxnLst/>
            <a:rect l="l" t="t" r="r" b="b"/>
            <a:pathLst>
              <a:path w="14181854" h="6492630">
                <a:moveTo>
                  <a:pt x="0" y="0"/>
                </a:moveTo>
                <a:lnTo>
                  <a:pt x="14181854" y="0"/>
                </a:lnTo>
                <a:lnTo>
                  <a:pt x="14181854" y="6492630"/>
                </a:lnTo>
                <a:lnTo>
                  <a:pt x="0" y="6492630"/>
                </a:lnTo>
                <a:lnTo>
                  <a:pt x="0" y="0"/>
                </a:lnTo>
                <a:close/>
              </a:path>
            </a:pathLst>
          </a:custGeom>
          <a:blipFill>
            <a:blip r:embed="rId5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9" name="TextBox 9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11" name="TextBox 11"/>
          <p:cNvSpPr txBox="1"/>
          <p:nvPr/>
        </p:nvSpPr>
        <p:spPr>
          <a:xfrm>
            <a:off x="3719450" y="5072657"/>
            <a:ext cx="251321" cy="588623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n-US" sz="3466">
                <a:solidFill>
                  <a:srgbClr val="FFFFFF"/>
                </a:solidFill>
                <a:latin typeface="Open Sans Bold"/>
              </a:rPr>
              <a:t>3</a:t>
            </a:r>
          </a:p>
        </p:txBody>
      </p:sp>
      <p:sp>
        <p:nvSpPr>
          <p:cNvPr id="13" name="TextBox 19">
            <a:extLst>
              <a:ext uri="{FF2B5EF4-FFF2-40B4-BE49-F238E27FC236}">
                <a16:creationId xmlns:a16="http://schemas.microsoft.com/office/drawing/2014/main" id="{6C3CDDFF-D382-63DE-2578-966E3874D493}"/>
              </a:ext>
            </a:extLst>
          </p:cNvPr>
          <p:cNvSpPr txBox="1"/>
          <p:nvPr/>
        </p:nvSpPr>
        <p:spPr>
          <a:xfrm>
            <a:off x="2180977" y="222744"/>
            <a:ext cx="6600061" cy="489108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n-US" sz="2800" b="1" dirty="0">
                <a:solidFill>
                  <a:srgbClr val="000000"/>
                </a:solidFill>
                <a:latin typeface="Raleway Bold"/>
              </a:rPr>
              <a:t>RESULTADO VALIDACION PÓLIZAS - 2023</a:t>
            </a: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50843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862495" y="38077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9" name="TextBox 9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 dirty="0" err="1">
                <a:solidFill>
                  <a:srgbClr val="F8F7F7"/>
                </a:solidFill>
                <a:latin typeface="Open Sans"/>
              </a:rPr>
              <a:t>www.supertransporte.gov.co</a:t>
            </a:r>
            <a:endParaRPr lang="en-US" sz="1400" dirty="0">
              <a:solidFill>
                <a:srgbClr val="F8F7F7"/>
              </a:solidFill>
              <a:latin typeface="Open Sans"/>
            </a:endParaRPr>
          </a:p>
        </p:txBody>
      </p:sp>
      <p:sp>
        <p:nvSpPr>
          <p:cNvPr id="11" name="TextBox 11"/>
          <p:cNvSpPr txBox="1"/>
          <p:nvPr/>
        </p:nvSpPr>
        <p:spPr>
          <a:xfrm>
            <a:off x="3719450" y="5072657"/>
            <a:ext cx="251321" cy="588623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n-US" sz="3466">
                <a:solidFill>
                  <a:srgbClr val="FFFFFF"/>
                </a:solidFill>
                <a:latin typeface="Open Sans Bold"/>
              </a:rPr>
              <a:t>3</a:t>
            </a:r>
          </a:p>
        </p:txBody>
      </p:sp>
      <p:sp>
        <p:nvSpPr>
          <p:cNvPr id="13" name="TextBox 19">
            <a:extLst>
              <a:ext uri="{FF2B5EF4-FFF2-40B4-BE49-F238E27FC236}">
                <a16:creationId xmlns:a16="http://schemas.microsoft.com/office/drawing/2014/main" id="{6C3CDDFF-D382-63DE-2578-966E3874D493}"/>
              </a:ext>
            </a:extLst>
          </p:cNvPr>
          <p:cNvSpPr txBox="1"/>
          <p:nvPr/>
        </p:nvSpPr>
        <p:spPr>
          <a:xfrm>
            <a:off x="2427152" y="96479"/>
            <a:ext cx="6600061" cy="48558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4130"/>
              </a:lnSpc>
            </a:pPr>
            <a:r>
              <a:rPr lang="es-ES_tradnl" sz="2800" b="1" dirty="0">
                <a:solidFill>
                  <a:srgbClr val="000000"/>
                </a:solidFill>
                <a:latin typeface="Raleway Bold"/>
              </a:rPr>
              <a:t>Departamento del Magdalena </a:t>
            </a:r>
            <a:r>
              <a:rPr lang="en-US" sz="2800" b="1" dirty="0">
                <a:solidFill>
                  <a:srgbClr val="000000"/>
                </a:solidFill>
                <a:latin typeface="Raleway Bold"/>
              </a:rPr>
              <a:t>-  2023</a:t>
            </a:r>
          </a:p>
        </p:txBody>
      </p:sp>
      <p:graphicFrame>
        <p:nvGraphicFramePr>
          <p:cNvPr id="12" name="Tabla 11">
            <a:extLst>
              <a:ext uri="{FF2B5EF4-FFF2-40B4-BE49-F238E27FC236}">
                <a16:creationId xmlns:a16="http://schemas.microsoft.com/office/drawing/2014/main" id="{40E70DE2-7DCB-E261-95B9-CCAD29A812C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32278306"/>
              </p:ext>
            </p:extLst>
          </p:nvPr>
        </p:nvGraphicFramePr>
        <p:xfrm>
          <a:off x="53229" y="1048938"/>
          <a:ext cx="4644276" cy="5343156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1538583">
                  <a:extLst>
                    <a:ext uri="{9D8B030D-6E8A-4147-A177-3AD203B41FA5}">
                      <a16:colId xmlns:a16="http://schemas.microsoft.com/office/drawing/2014/main" val="2205775007"/>
                    </a:ext>
                  </a:extLst>
                </a:gridCol>
                <a:gridCol w="746316">
                  <a:extLst>
                    <a:ext uri="{9D8B030D-6E8A-4147-A177-3AD203B41FA5}">
                      <a16:colId xmlns:a16="http://schemas.microsoft.com/office/drawing/2014/main" val="3385204127"/>
                    </a:ext>
                  </a:extLst>
                </a:gridCol>
                <a:gridCol w="848934">
                  <a:extLst>
                    <a:ext uri="{9D8B030D-6E8A-4147-A177-3AD203B41FA5}">
                      <a16:colId xmlns:a16="http://schemas.microsoft.com/office/drawing/2014/main" val="3115946008"/>
                    </a:ext>
                  </a:extLst>
                </a:gridCol>
                <a:gridCol w="1510443">
                  <a:extLst>
                    <a:ext uri="{9D8B030D-6E8A-4147-A177-3AD203B41FA5}">
                      <a16:colId xmlns:a16="http://schemas.microsoft.com/office/drawing/2014/main" val="1901589744"/>
                    </a:ext>
                  </a:extLst>
                </a:gridCol>
              </a:tblGrid>
              <a:tr h="314876"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Departamento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No Reportar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SI  </a:t>
                      </a:r>
                    </a:p>
                    <a:p>
                      <a:pPr algn="ctr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 Reportaron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% cumpliemto entrega  de informació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7290850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TOLIM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/>
                        </a:rPr>
                        <a:t>82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21201523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NARIÑ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9CCF7F"/>
                          </a:highlight>
                          <a:latin typeface="Aptos Narrow"/>
                        </a:rPr>
                        <a:t>74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CCF7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168265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LDA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B5D680"/>
                          </a:highlight>
                          <a:latin typeface="Aptos Narrow"/>
                        </a:rPr>
                        <a:t>7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5D6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14533593"/>
                  </a:ext>
                </a:extLst>
              </a:tr>
              <a:tr h="14043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NORTE DE SANTAND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B8D780"/>
                          </a:highlight>
                          <a:latin typeface="Aptos Narrow"/>
                        </a:rPr>
                        <a:t>7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D7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9625340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QUINDI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9DC81"/>
                          </a:highlight>
                          <a:latin typeface="Aptos Narrow"/>
                        </a:rPr>
                        <a:t>6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DC8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5489459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QUE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FDE82"/>
                          </a:highlight>
                          <a:latin typeface="Aptos Narrow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7316081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RISARALD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CFDE82"/>
                          </a:highlight>
                          <a:latin typeface="Aptos Narrow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9549558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VALLE DEL C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2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D1DE82"/>
                          </a:highlight>
                          <a:latin typeface="Aptos Narrow"/>
                        </a:rPr>
                        <a:t>66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1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737655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NTIOQUI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E4E483"/>
                          </a:highlight>
                          <a:latin typeface="Aptos Narrow"/>
                        </a:rPr>
                        <a:t>64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4E4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886513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UNDINAMAR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0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6E4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6E4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49277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HUIL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E9E5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5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76716888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GOTA,D.C.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7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9E5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5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5588891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YA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7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EBE6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E6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880366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ORDOB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0E784"/>
                          </a:highlight>
                          <a:latin typeface="Aptos Narrow"/>
                        </a:rPr>
                        <a:t>62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E7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8032740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7E984"/>
                          </a:highlight>
                          <a:latin typeface="Aptos Narrow"/>
                        </a:rPr>
                        <a:t>6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E9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9640076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MAGDALEN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6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9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59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57053556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ME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EE883"/>
                          </a:highlight>
                          <a:latin typeface="Aptos Narrow"/>
                        </a:rPr>
                        <a:t>5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8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6335286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ANTAND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EE683"/>
                          </a:highlight>
                          <a:latin typeface="Aptos Narrow"/>
                        </a:rPr>
                        <a:t>5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6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6207471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R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EE582"/>
                          </a:highlight>
                          <a:latin typeface="Aptos Narrow"/>
                        </a:rPr>
                        <a:t>5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5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1317889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PUTUMAY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EE582"/>
                          </a:highlight>
                          <a:latin typeface="Aptos Narrow"/>
                        </a:rPr>
                        <a:t>5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5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239299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SANA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D880"/>
                          </a:highlight>
                          <a:latin typeface="Aptos Narrow"/>
                        </a:rPr>
                        <a:t>5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8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778446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TLANTIC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5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DD47F"/>
                          </a:highlight>
                          <a:latin typeface="Aptos Narrow"/>
                        </a:rPr>
                        <a:t>49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47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0007018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LIVA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D07E"/>
                          </a:highlight>
                          <a:latin typeface="Aptos Narrow"/>
                        </a:rPr>
                        <a:t>4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07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0869250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UC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CC7E"/>
                          </a:highlight>
                          <a:latin typeface="Aptos Narrow"/>
                        </a:rPr>
                        <a:t>45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CC7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2549620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ESA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CC17C"/>
                          </a:highlight>
                          <a:latin typeface="Aptos Narrow"/>
                        </a:rPr>
                        <a:t>4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C17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946908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HOC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BB178"/>
                          </a:highlight>
                          <a:latin typeface="Aptos Narrow"/>
                        </a:rPr>
                        <a:t>3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B17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8162870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LA GUAJIR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BB178"/>
                          </a:highlight>
                          <a:latin typeface="Aptos Narrow"/>
                        </a:rPr>
                        <a:t>3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B17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800806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GUAVIA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A9F75"/>
                          </a:highlight>
                          <a:latin typeface="Aptos Narrow"/>
                        </a:rPr>
                        <a:t>25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9F7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14655307"/>
                  </a:ext>
                </a:extLst>
              </a:tr>
              <a:tr h="14043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EMPRESAS SIN UBICACIÓN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97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A6B"/>
                          </a:highlight>
                          <a:latin typeface="Aptos Narrow"/>
                        </a:rPr>
                        <a:t>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A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1009917"/>
                  </a:ext>
                </a:extLst>
              </a:tr>
              <a:tr h="170530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AN ANDRES Y PROVIDENCI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87319074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VAUPE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44425778"/>
                  </a:ext>
                </a:extLst>
              </a:tr>
            </a:tbl>
          </a:graphicData>
        </a:graphic>
      </p:graphicFrame>
      <p:graphicFrame>
        <p:nvGraphicFramePr>
          <p:cNvPr id="15" name="Tabla 14">
            <a:extLst>
              <a:ext uri="{FF2B5EF4-FFF2-40B4-BE49-F238E27FC236}">
                <a16:creationId xmlns:a16="http://schemas.microsoft.com/office/drawing/2014/main" id="{0A04D86A-B613-9DAE-33A7-216A61AFAA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30976194"/>
              </p:ext>
            </p:extLst>
          </p:nvPr>
        </p:nvGraphicFramePr>
        <p:xfrm>
          <a:off x="8529589" y="2026371"/>
          <a:ext cx="3556526" cy="2642532"/>
        </p:xfrm>
        <a:graphic>
          <a:graphicData uri="http://schemas.openxmlformats.org/drawingml/2006/table">
            <a:tbl>
              <a:tblPr/>
              <a:tblGrid>
                <a:gridCol w="714591">
                  <a:extLst>
                    <a:ext uri="{9D8B030D-6E8A-4147-A177-3AD203B41FA5}">
                      <a16:colId xmlns:a16="http://schemas.microsoft.com/office/drawing/2014/main" val="3532067636"/>
                    </a:ext>
                  </a:extLst>
                </a:gridCol>
                <a:gridCol w="714591">
                  <a:extLst>
                    <a:ext uri="{9D8B030D-6E8A-4147-A177-3AD203B41FA5}">
                      <a16:colId xmlns:a16="http://schemas.microsoft.com/office/drawing/2014/main" val="91224782"/>
                    </a:ext>
                  </a:extLst>
                </a:gridCol>
                <a:gridCol w="714591">
                  <a:extLst>
                    <a:ext uri="{9D8B030D-6E8A-4147-A177-3AD203B41FA5}">
                      <a16:colId xmlns:a16="http://schemas.microsoft.com/office/drawing/2014/main" val="4068127295"/>
                    </a:ext>
                  </a:extLst>
                </a:gridCol>
                <a:gridCol w="1412753">
                  <a:extLst>
                    <a:ext uri="{9D8B030D-6E8A-4147-A177-3AD203B41FA5}">
                      <a16:colId xmlns:a16="http://schemas.microsoft.com/office/drawing/2014/main" val="3877448546"/>
                    </a:ext>
                  </a:extLst>
                </a:gridCol>
              </a:tblGrid>
              <a:tr h="322386"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unicipio 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No Reportaron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I   Reportaron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orcentaje de entrega  de informacio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76490454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IÉNAG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 panose="020B0004020202020204" pitchFamily="34" charset="0"/>
                        </a:rPr>
                        <a:t>10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51310567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UAMAL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 panose="020B0004020202020204" pitchFamily="34" charset="0"/>
                        </a:rPr>
                        <a:t>10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0814873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UNDACIÓ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BDD881"/>
                          </a:highlight>
                          <a:latin typeface="Aptos Narrow" panose="020B0004020202020204" pitchFamily="34" charset="0"/>
                        </a:rPr>
                        <a:t>7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88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70776326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LAT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CCDD82"/>
                          </a:highlight>
                          <a:latin typeface="Aptos Narrow" panose="020B0004020202020204" pitchFamily="34" charset="0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DD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8825392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NTA MAR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7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E2E383"/>
                          </a:highlight>
                          <a:latin typeface="Aptos Narrow" panose="020B0004020202020204" pitchFamily="34" charset="0"/>
                        </a:rPr>
                        <a:t>6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E3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4897554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RIGUANÍ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9740881"/>
                  </a:ext>
                </a:extLst>
              </a:tr>
              <a:tr h="200987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NUEVA GRANAD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7085473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NTA AN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6261145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LGARROB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9075818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HIVOL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97564305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L RETÉ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8835984"/>
                  </a:ext>
                </a:extLst>
              </a:tr>
              <a:tr h="200987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BANAS DE SAN ÁNGEL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356038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ITIONUEV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8453880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NERIF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70054856"/>
                  </a:ext>
                </a:extLst>
              </a:tr>
            </a:tbl>
          </a:graphicData>
        </a:graphic>
      </p:graphicFrame>
      <p:sp>
        <p:nvSpPr>
          <p:cNvPr id="16" name="TextBox 27">
            <a:extLst>
              <a:ext uri="{FF2B5EF4-FFF2-40B4-BE49-F238E27FC236}">
                <a16:creationId xmlns:a16="http://schemas.microsoft.com/office/drawing/2014/main" id="{CAA78BBD-F478-B81A-9FE9-1D0CC38132A5}"/>
              </a:ext>
            </a:extLst>
          </p:cNvPr>
          <p:cNvSpPr txBox="1"/>
          <p:nvPr/>
        </p:nvSpPr>
        <p:spPr>
          <a:xfrm>
            <a:off x="8529588" y="1449983"/>
            <a:ext cx="3556526" cy="562300"/>
          </a:xfrm>
          <a:prstGeom prst="rect">
            <a:avLst/>
          </a:prstGeom>
          <a:solidFill>
            <a:schemeClr val="tx2"/>
          </a:solidFill>
        </p:spPr>
        <p:txBody>
          <a:bodyPr lIns="33867" tIns="33867" rIns="33867" bIns="33867" rtlCol="0" anchor="ctr"/>
          <a:lstStyle/>
          <a:p>
            <a:pPr algn="ctr">
              <a:lnSpc>
                <a:spcPts val="1493"/>
              </a:lnSpc>
            </a:pPr>
            <a:r>
              <a:rPr lang="es-ES_tradnl" sz="1400" spc="79" dirty="0">
                <a:solidFill>
                  <a:schemeClr val="bg1"/>
                </a:solidFill>
                <a:latin typeface="Open Sans Bold"/>
              </a:rPr>
              <a:t>Municipios departamento del Magdalena</a:t>
            </a:r>
          </a:p>
        </p:txBody>
      </p:sp>
      <p:sp>
        <p:nvSpPr>
          <p:cNvPr id="17" name="TextBox 17">
            <a:extLst>
              <a:ext uri="{FF2B5EF4-FFF2-40B4-BE49-F238E27FC236}">
                <a16:creationId xmlns:a16="http://schemas.microsoft.com/office/drawing/2014/main" id="{6CDA3471-4253-ABC7-716D-C218CC53C2EB}"/>
              </a:ext>
            </a:extLst>
          </p:cNvPr>
          <p:cNvSpPr txBox="1"/>
          <p:nvPr/>
        </p:nvSpPr>
        <p:spPr>
          <a:xfrm>
            <a:off x="4808955" y="4971988"/>
            <a:ext cx="7277159" cy="137858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 defTabSz="914446">
              <a:lnSpc>
                <a:spcPts val="2199"/>
              </a:lnSpc>
            </a:pPr>
            <a:r>
              <a:rPr lang="es-ES_tradnl" sz="1000" b="1" spc="73" dirty="0">
                <a:solidFill>
                  <a:srgbClr val="FF0000"/>
                </a:solidFill>
                <a:latin typeface="Nunito" pitchFamily="2" charset="0"/>
                <a:sym typeface="Wingdings" pitchFamily="2" charset="2"/>
              </a:rPr>
              <a:t>Conclusiones – Departamento </a:t>
            </a:r>
            <a:r>
              <a:rPr lang="es-ES_tradnl" sz="1000" b="1" spc="73" dirty="0" err="1">
                <a:solidFill>
                  <a:srgbClr val="FF0000"/>
                </a:solidFill>
                <a:latin typeface="Nunito" pitchFamily="2" charset="0"/>
                <a:sym typeface="Wingdings" pitchFamily="2" charset="2"/>
              </a:rPr>
              <a:t>Magadalena</a:t>
            </a:r>
            <a:endParaRPr lang="es-ES_tradnl" sz="1000" b="1" spc="73" dirty="0">
              <a:solidFill>
                <a:srgbClr val="FF0000"/>
              </a:solidFill>
              <a:latin typeface="Nunito" pitchFamily="2" charset="0"/>
              <a:sym typeface="Wingdings" pitchFamily="2" charset="2"/>
            </a:endParaRPr>
          </a:p>
          <a:p>
            <a:pPr marL="171450" indent="-171450" algn="ctr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 dirty="0">
                <a:latin typeface="Nunito" pitchFamily="2" charset="0"/>
                <a:sym typeface="Wingdings" pitchFamily="2" charset="2"/>
              </a:rPr>
              <a:t>El Departamento del Magdalena ocupa el puesto 16 con un 59% de cumplimiento del reporte de pólizas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 dirty="0">
                <a:latin typeface="Nunito" pitchFamily="2" charset="0"/>
                <a:sym typeface="Wingdings" pitchFamily="2" charset="2"/>
              </a:rPr>
              <a:t>Solo 3 empresas con domicilios en 2 municipios cumplieron al 100% con el reporte de pólizas 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 dirty="0">
                <a:latin typeface="Nunito" pitchFamily="2" charset="0"/>
                <a:sym typeface="Wingdings" pitchFamily="2" charset="2"/>
              </a:rPr>
              <a:t>El 41% que corresponde a 63 empresas  No cumplieron con el reporte de pólizas 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endParaRPr lang="es-ES_tradnl" sz="1000" b="1" spc="73" dirty="0">
              <a:latin typeface="Nunito" pitchFamily="2" charset="0"/>
              <a:sym typeface="Wingdings" pitchFamily="2" charset="2"/>
            </a:endParaRPr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51617561-74C0-360B-E3BD-520D22148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62578" y="1006467"/>
            <a:ext cx="3564275" cy="3753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7200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reeform 24">
            <a:extLst>
              <a:ext uri="{FF2B5EF4-FFF2-40B4-BE49-F238E27FC236}">
                <a16:creationId xmlns:a16="http://schemas.microsoft.com/office/drawing/2014/main" id="{2E594C02-416E-47BD-0D29-227455AB3F5D}"/>
              </a:ext>
            </a:extLst>
          </p:cNvPr>
          <p:cNvSpPr/>
          <p:nvPr/>
        </p:nvSpPr>
        <p:spPr>
          <a:xfrm>
            <a:off x="179534" y="1148057"/>
            <a:ext cx="5024077" cy="5305222"/>
          </a:xfrm>
          <a:custGeom>
            <a:avLst/>
            <a:gdLst/>
            <a:ahLst/>
            <a:cxnLst/>
            <a:rect l="l" t="t" r="r" b="b"/>
            <a:pathLst>
              <a:path w="1294951" h="1253877">
                <a:moveTo>
                  <a:pt x="0" y="0"/>
                </a:moveTo>
                <a:lnTo>
                  <a:pt x="1294951" y="0"/>
                </a:lnTo>
                <a:lnTo>
                  <a:pt x="1294951" y="1253877"/>
                </a:lnTo>
                <a:lnTo>
                  <a:pt x="0" y="1253877"/>
                </a:lnTo>
                <a:close/>
              </a:path>
            </a:pathLst>
          </a:custGeom>
          <a:solidFill>
            <a:srgbClr val="000000">
              <a:alpha val="0"/>
            </a:srgbClr>
          </a:solidFill>
          <a:ln w="47625" cap="sq">
            <a:solidFill>
              <a:srgbClr val="3C6CB2"/>
            </a:solidFill>
            <a:prstDash val="solid"/>
            <a:miter/>
          </a:ln>
        </p:spPr>
        <p:txBody>
          <a:bodyPr/>
          <a:lstStyle/>
          <a:p>
            <a:endParaRPr lang="es-ES_tradnl" sz="1200"/>
          </a:p>
        </p:txBody>
      </p:sp>
      <p:grpSp>
        <p:nvGrpSpPr>
          <p:cNvPr id="2" name="Group 2"/>
          <p:cNvGrpSpPr/>
          <p:nvPr/>
        </p:nvGrpSpPr>
        <p:grpSpPr>
          <a:xfrm>
            <a:off x="1" y="6562929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2" name="TextBox 12"/>
          <p:cNvSpPr txBox="1"/>
          <p:nvPr/>
        </p:nvSpPr>
        <p:spPr>
          <a:xfrm>
            <a:off x="136703" y="1607011"/>
            <a:ext cx="4837287" cy="460831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521"/>
              </a:lnSpc>
            </a:pPr>
            <a:r>
              <a:rPr lang="es-CO" sz="1100" b="1" dirty="0">
                <a:solidFill>
                  <a:srgbClr val="000000"/>
                </a:solidFill>
                <a:latin typeface="Open Sans Bold"/>
              </a:rPr>
              <a:t> </a:t>
            </a:r>
            <a:r>
              <a:rPr lang="es-CO" sz="2800" b="1" dirty="0">
                <a:solidFill>
                  <a:srgbClr val="000000"/>
                </a:solidFill>
                <a:latin typeface="Open Sans Bold"/>
              </a:rPr>
              <a:t>Problemáticas</a:t>
            </a:r>
            <a:endParaRPr lang="es-CO" sz="2800" b="1" dirty="0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algn="ctr">
              <a:lnSpc>
                <a:spcPts val="1521"/>
              </a:lnSpc>
            </a:pPr>
            <a:endParaRPr lang="es-CO" sz="2800" b="1" dirty="0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 dirty="0">
                <a:solidFill>
                  <a:srgbClr val="000000"/>
                </a:solidFill>
                <a:latin typeface="Open Sans"/>
              </a:rPr>
              <a:t>Esta prohibido por la ley, </a:t>
            </a:r>
            <a:r>
              <a:rPr lang="es-CO" sz="1200" b="1" i="1" dirty="0">
                <a:solidFill>
                  <a:srgbClr val="000000"/>
                </a:solidFill>
                <a:latin typeface="Open Sans"/>
              </a:rPr>
              <a:t>compartir el riesgo entre la empresa y la aseguradora,</a:t>
            </a:r>
            <a:r>
              <a:rPr lang="es-CO" sz="1200" dirty="0">
                <a:solidFill>
                  <a:srgbClr val="000000"/>
                </a:solidFill>
                <a:latin typeface="Open Sans"/>
              </a:rPr>
              <a:t> pues se ocasiona asumir un riesgo a primera capa.</a:t>
            </a: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 dirty="0">
                <a:solidFill>
                  <a:srgbClr val="000000"/>
                </a:solidFill>
                <a:latin typeface="Open Sans"/>
              </a:rPr>
              <a:t>Toma de seguros obligatorios de RRC y RCE con </a:t>
            </a:r>
            <a:r>
              <a:rPr lang="es-CO" sz="1200" b="1" i="1" dirty="0">
                <a:solidFill>
                  <a:srgbClr val="000000"/>
                </a:solidFill>
                <a:latin typeface="Open Sans"/>
              </a:rPr>
              <a:t>valores de deducibles para los amparos de muerte, incapacidad y gastos médicos</a:t>
            </a:r>
            <a:r>
              <a:rPr lang="es-CO" sz="1200" dirty="0">
                <a:solidFill>
                  <a:srgbClr val="000000"/>
                </a:solidFill>
                <a:latin typeface="Open Sans"/>
              </a:rPr>
              <a:t>, lo cual está prohibido por la ley.</a:t>
            </a: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 dirty="0">
                <a:solidFill>
                  <a:srgbClr val="000000"/>
                </a:solidFill>
                <a:latin typeface="Open Sans"/>
              </a:rPr>
              <a:t> Los fondos de responsabilidad que tienen </a:t>
            </a:r>
            <a:r>
              <a:rPr lang="es-CO" sz="1200" b="1" i="1" dirty="0">
                <a:solidFill>
                  <a:srgbClr val="000000"/>
                </a:solidFill>
                <a:latin typeface="Open Sans"/>
              </a:rPr>
              <a:t>las empresas de transporte  están asumiendo el riesgo o parte del riesgo</a:t>
            </a:r>
            <a:r>
              <a:rPr lang="es-CO" sz="1200" dirty="0">
                <a:solidFill>
                  <a:srgbClr val="000000"/>
                </a:solidFill>
                <a:latin typeface="Open Sans"/>
              </a:rPr>
              <a:t>, lo cual está prohibido por la ley.</a:t>
            </a: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 dirty="0">
                <a:solidFill>
                  <a:srgbClr val="000000"/>
                </a:solidFill>
                <a:latin typeface="Open Sans"/>
              </a:rPr>
              <a:t>Los Fondos de Responsabilidad que están asumiendo los riesgos, </a:t>
            </a:r>
            <a:r>
              <a:rPr lang="es-CO" sz="1200" b="1" i="1" dirty="0">
                <a:solidFill>
                  <a:srgbClr val="000000"/>
                </a:solidFill>
                <a:latin typeface="Open Sans"/>
              </a:rPr>
              <a:t>no están Registrados ante la Superintendencia Financiera de Colombia, y no se evidencia que constituyan las Reservas Técnicas </a:t>
            </a:r>
            <a:r>
              <a:rPr lang="es-CO" sz="1200" dirty="0">
                <a:solidFill>
                  <a:srgbClr val="000000"/>
                </a:solidFill>
                <a:latin typeface="Open Sans"/>
              </a:rPr>
              <a:t>para responder por los siniestros.</a:t>
            </a: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 dirty="0">
                <a:solidFill>
                  <a:srgbClr val="000000"/>
                </a:solidFill>
                <a:latin typeface="Open Sans"/>
              </a:rPr>
              <a:t>El valor de </a:t>
            </a:r>
            <a:r>
              <a:rPr lang="es-CO" sz="1200" b="1" i="1" dirty="0">
                <a:solidFill>
                  <a:srgbClr val="000000"/>
                </a:solidFill>
                <a:latin typeface="Open Sans"/>
              </a:rPr>
              <a:t>la prima de seguro está incluido en la canasta de costos del contrato de transporte, es decir que la paga el usuario del servicio</a:t>
            </a:r>
            <a:r>
              <a:rPr lang="es-CO" sz="1200" dirty="0">
                <a:solidFill>
                  <a:srgbClr val="000000"/>
                </a:solidFill>
                <a:latin typeface="Open Sans"/>
              </a:rPr>
              <a:t>, por lo tanto, no debe haber limitación en la contratación de los seguros obligatorios de RRC y RCE.</a:t>
            </a: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</p:txBody>
      </p:sp>
      <p:sp>
        <p:nvSpPr>
          <p:cNvPr id="13" name="Freeform 13"/>
          <p:cNvSpPr/>
          <p:nvPr/>
        </p:nvSpPr>
        <p:spPr>
          <a:xfrm>
            <a:off x="8697411" y="1320480"/>
            <a:ext cx="1305906" cy="990989"/>
          </a:xfrm>
          <a:custGeom>
            <a:avLst/>
            <a:gdLst/>
            <a:ahLst/>
            <a:cxnLst/>
            <a:rect l="l" t="t" r="r" b="b"/>
            <a:pathLst>
              <a:path w="2111735" h="2191423">
                <a:moveTo>
                  <a:pt x="0" y="0"/>
                </a:moveTo>
                <a:lnTo>
                  <a:pt x="2111735" y="0"/>
                </a:lnTo>
                <a:lnTo>
                  <a:pt x="2111735" y="2191423"/>
                </a:lnTo>
                <a:lnTo>
                  <a:pt x="0" y="2191423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7" name="TextBox 17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20" name="TextBox 20"/>
          <p:cNvSpPr txBox="1"/>
          <p:nvPr/>
        </p:nvSpPr>
        <p:spPr>
          <a:xfrm>
            <a:off x="1942572" y="1354399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1</a:t>
            </a:r>
          </a:p>
        </p:txBody>
      </p:sp>
      <p:sp>
        <p:nvSpPr>
          <p:cNvPr id="21" name="TextBox 21"/>
          <p:cNvSpPr txBox="1"/>
          <p:nvPr/>
        </p:nvSpPr>
        <p:spPr>
          <a:xfrm>
            <a:off x="2900847" y="2418221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2</a:t>
            </a:r>
          </a:p>
        </p:txBody>
      </p:sp>
      <p:sp>
        <p:nvSpPr>
          <p:cNvPr id="22" name="TextBox 22"/>
          <p:cNvSpPr txBox="1"/>
          <p:nvPr/>
        </p:nvSpPr>
        <p:spPr>
          <a:xfrm>
            <a:off x="508509" y="2202693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5</a:t>
            </a:r>
          </a:p>
        </p:txBody>
      </p:sp>
      <p:grpSp>
        <p:nvGrpSpPr>
          <p:cNvPr id="23" name="Group 23"/>
          <p:cNvGrpSpPr/>
          <p:nvPr/>
        </p:nvGrpSpPr>
        <p:grpSpPr>
          <a:xfrm>
            <a:off x="5871990" y="2321114"/>
            <a:ext cx="6089043" cy="3987539"/>
            <a:chOff x="0" y="-57150"/>
            <a:chExt cx="1335933" cy="1575324"/>
          </a:xfrm>
        </p:grpSpPr>
        <p:sp>
          <p:nvSpPr>
            <p:cNvPr id="24" name="Freeform 24"/>
            <p:cNvSpPr/>
            <p:nvPr/>
          </p:nvSpPr>
          <p:spPr>
            <a:xfrm>
              <a:off x="0" y="0"/>
              <a:ext cx="1335933" cy="1518174"/>
            </a:xfrm>
            <a:custGeom>
              <a:avLst/>
              <a:gdLst/>
              <a:ahLst/>
              <a:cxnLst/>
              <a:rect l="l" t="t" r="r" b="b"/>
              <a:pathLst>
                <a:path w="1294951" h="1253877">
                  <a:moveTo>
                    <a:pt x="0" y="0"/>
                  </a:moveTo>
                  <a:lnTo>
                    <a:pt x="1294951" y="0"/>
                  </a:lnTo>
                  <a:lnTo>
                    <a:pt x="1294951" y="1253877"/>
                  </a:lnTo>
                  <a:lnTo>
                    <a:pt x="0" y="12538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47625" cap="sq">
              <a:solidFill>
                <a:srgbClr val="3C6CB2"/>
              </a:solidFill>
              <a:prstDash val="solid"/>
              <a:miter/>
            </a:ln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25" name="TextBox 25"/>
            <p:cNvSpPr txBox="1"/>
            <p:nvPr/>
          </p:nvSpPr>
          <p:spPr>
            <a:xfrm>
              <a:off x="0" y="-57150"/>
              <a:ext cx="1294951" cy="13110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26" name="TextBox 26"/>
          <p:cNvSpPr txBox="1"/>
          <p:nvPr/>
        </p:nvSpPr>
        <p:spPr>
          <a:xfrm>
            <a:off x="5980345" y="2643391"/>
            <a:ext cx="5980685" cy="370761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880"/>
              </a:lnSpc>
            </a:pPr>
            <a:r>
              <a:rPr lang="en-US" sz="2800" b="1" dirty="0" err="1">
                <a:solidFill>
                  <a:srgbClr val="000000"/>
                </a:solidFill>
                <a:latin typeface="Open Sans Bold"/>
              </a:rPr>
              <a:t>Acciones</a:t>
            </a:r>
            <a:endParaRPr lang="en-US" sz="1400" b="1" dirty="0">
              <a:solidFill>
                <a:srgbClr val="000000"/>
              </a:solidFill>
              <a:latin typeface="Open Sans Bold"/>
            </a:endParaRPr>
          </a:p>
          <a:p>
            <a:pPr algn="ctr">
              <a:lnSpc>
                <a:spcPts val="1880"/>
              </a:lnSpc>
            </a:pPr>
            <a:endParaRPr lang="es-CO" sz="1400" b="1" dirty="0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 dirty="0">
                <a:solidFill>
                  <a:srgbClr val="000000"/>
                </a:solidFill>
                <a:latin typeface="Open Sans"/>
              </a:rPr>
              <a:t>La Superintendencia de Transporte adelantará las </a:t>
            </a:r>
            <a:r>
              <a:rPr lang="es-CO" sz="1400" b="1" i="1" u="sng" dirty="0">
                <a:solidFill>
                  <a:srgbClr val="000000"/>
                </a:solidFill>
                <a:latin typeface="Open Sans"/>
              </a:rPr>
              <a:t>actuaciones administrativas correspondientes </a:t>
            </a:r>
            <a:endParaRPr lang="es-CO" sz="1400" b="1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endParaRPr lang="es-CO" sz="11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 dirty="0">
                <a:solidFill>
                  <a:srgbClr val="000000"/>
                </a:solidFill>
                <a:latin typeface="Open Sans"/>
              </a:rPr>
              <a:t>La Superintendencia de Transporte adoptará a través de una resolución la metodología e implementación de la </a:t>
            </a:r>
            <a:endParaRPr lang="es-CO" sz="14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 b="1" i="1" u="sng" dirty="0">
                <a:solidFill>
                  <a:srgbClr val="000000"/>
                </a:solidFill>
                <a:latin typeface="Open Sans"/>
              </a:rPr>
              <a:t>solución tecnológica que permita el registro y actualización de las pólizas</a:t>
            </a:r>
            <a:endParaRPr lang="es-CO" sz="1400" b="1" i="1" u="sng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endParaRPr lang="es-CO" sz="14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r>
              <a:rPr lang="es-CO" sz="1400" b="1" dirty="0">
                <a:solidFill>
                  <a:srgbClr val="000000"/>
                </a:solidFill>
                <a:latin typeface="Open Sans"/>
              </a:rPr>
              <a:t>Marzo 2024. </a:t>
            </a:r>
            <a:r>
              <a:rPr lang="es-CO" sz="1400" dirty="0">
                <a:solidFill>
                  <a:srgbClr val="000000"/>
                </a:solidFill>
                <a:latin typeface="Open Sans"/>
              </a:rPr>
              <a:t>- publicación borrador resolución pólizas </a:t>
            </a:r>
          </a:p>
          <a:p>
            <a:pPr marL="594360" lvl="2" algn="just">
              <a:lnSpc>
                <a:spcPts val="1787"/>
              </a:lnSpc>
            </a:pPr>
            <a:r>
              <a:rPr lang="es-CO" sz="1400" dirty="0">
                <a:solidFill>
                  <a:srgbClr val="000000"/>
                </a:solidFill>
                <a:latin typeface="Open Sans"/>
              </a:rPr>
              <a:t>( 12/04/2024 finaliza periodo de observaciones)</a:t>
            </a:r>
            <a:endParaRPr lang="es-CO" sz="14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endParaRPr lang="es-CO" sz="14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r>
              <a:rPr lang="es-CO" sz="1400" b="1" dirty="0">
                <a:solidFill>
                  <a:srgbClr val="000000"/>
                </a:solidFill>
                <a:latin typeface="Open Sans"/>
              </a:rPr>
              <a:t>Abril 2024 </a:t>
            </a:r>
            <a:r>
              <a:rPr lang="es-CO" sz="1400" dirty="0">
                <a:solidFill>
                  <a:srgbClr val="000000"/>
                </a:solidFill>
                <a:latin typeface="Open Sans"/>
              </a:rPr>
              <a:t>– Lanzamiento solución tecnológica de seguimiento y control de pólizas ( SISI/POLIZA)</a:t>
            </a:r>
            <a:endParaRPr lang="es-CO" sz="1400" dirty="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787"/>
              </a:lnSpc>
            </a:pPr>
            <a:endParaRPr lang="en-US" sz="1400" dirty="0">
              <a:solidFill>
                <a:srgbClr val="000000"/>
              </a:solidFill>
              <a:latin typeface="Open Sans"/>
            </a:endParaRPr>
          </a:p>
        </p:txBody>
      </p:sp>
      <p:sp>
        <p:nvSpPr>
          <p:cNvPr id="27" name="TextBox 19">
            <a:extLst>
              <a:ext uri="{FF2B5EF4-FFF2-40B4-BE49-F238E27FC236}">
                <a16:creationId xmlns:a16="http://schemas.microsoft.com/office/drawing/2014/main" id="{7F0E14D7-8108-4EA1-9D5A-F210235E105B}"/>
              </a:ext>
            </a:extLst>
          </p:cNvPr>
          <p:cNvSpPr txBox="1"/>
          <p:nvPr/>
        </p:nvSpPr>
        <p:spPr>
          <a:xfrm>
            <a:off x="2180977" y="222744"/>
            <a:ext cx="6600061" cy="489108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n-US" sz="2800" b="1">
                <a:solidFill>
                  <a:srgbClr val="000000"/>
                </a:solidFill>
                <a:latin typeface="Raleway Bold"/>
              </a:rPr>
              <a:t>CONCLUSIONES PÓLIZAS - 2023</a:t>
            </a: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1" y="6562929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7" name="TextBox 17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20" name="TextBox 20"/>
          <p:cNvSpPr txBox="1"/>
          <p:nvPr/>
        </p:nvSpPr>
        <p:spPr>
          <a:xfrm>
            <a:off x="1942572" y="1354399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1</a:t>
            </a:r>
          </a:p>
        </p:txBody>
      </p:sp>
      <p:sp>
        <p:nvSpPr>
          <p:cNvPr id="21" name="TextBox 21"/>
          <p:cNvSpPr txBox="1"/>
          <p:nvPr/>
        </p:nvSpPr>
        <p:spPr>
          <a:xfrm>
            <a:off x="2900847" y="2418221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2</a:t>
            </a:r>
          </a:p>
        </p:txBody>
      </p:sp>
      <p:sp>
        <p:nvSpPr>
          <p:cNvPr id="22" name="TextBox 22"/>
          <p:cNvSpPr txBox="1"/>
          <p:nvPr/>
        </p:nvSpPr>
        <p:spPr>
          <a:xfrm>
            <a:off x="508509" y="2202693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5</a:t>
            </a:r>
          </a:p>
        </p:txBody>
      </p:sp>
      <p:graphicFrame>
        <p:nvGraphicFramePr>
          <p:cNvPr id="9" name="Tabla 8">
            <a:extLst>
              <a:ext uri="{FF2B5EF4-FFF2-40B4-BE49-F238E27FC236}">
                <a16:creationId xmlns:a16="http://schemas.microsoft.com/office/drawing/2014/main" id="{DC31D296-60EA-E41C-7142-C731B78810A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4739429"/>
              </p:ext>
            </p:extLst>
          </p:nvPr>
        </p:nvGraphicFramePr>
        <p:xfrm>
          <a:off x="6600067" y="1291552"/>
          <a:ext cx="5382171" cy="5204546"/>
        </p:xfrm>
        <a:graphic>
          <a:graphicData uri="http://schemas.openxmlformats.org/drawingml/2006/table">
            <a:tbl>
              <a:tblPr firstRow="1" firstCol="1" bandRow="1"/>
              <a:tblGrid>
                <a:gridCol w="5382171">
                  <a:extLst>
                    <a:ext uri="{9D8B030D-6E8A-4147-A177-3AD203B41FA5}">
                      <a16:colId xmlns:a16="http://schemas.microsoft.com/office/drawing/2014/main" val="2696788748"/>
                    </a:ext>
                  </a:extLst>
                </a:gridCol>
              </a:tblGrid>
              <a:tr h="371749">
                <a:tc>
                  <a:txBody>
                    <a:bodyPr/>
                    <a:lstStyle/>
                    <a:p>
                      <a:pPr algn="ctr"/>
                      <a:endParaRPr lang="es-CO" sz="1100" b="1" dirty="0">
                        <a:solidFill>
                          <a:srgbClr val="FF0000"/>
                        </a:solidFill>
                        <a:effectLst/>
                        <a:highlight>
                          <a:srgbClr val="FFFFFF"/>
                        </a:highlight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/>
                      <a:r>
                        <a:rPr lang="es-CO" sz="1100" b="1" dirty="0">
                          <a:solidFill>
                            <a:srgbClr val="FF0000"/>
                          </a:solidFill>
                          <a:effectLst/>
                          <a:highlight>
                            <a:srgbClr val="FFFFFF"/>
                          </a:highlight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ÓN SOBRE POLIZAS VIGENTES RESPONSABILIDAD CIVIL CONTRACTUAL y  </a:t>
                      </a:r>
                      <a:r>
                        <a:rPr lang="es-CO" sz="1600" b="1" dirty="0">
                          <a:solidFill>
                            <a:srgbClr val="FF0000"/>
                          </a:solidFill>
                          <a:effectLst/>
                          <a:highlight>
                            <a:srgbClr val="FFFFFF"/>
                          </a:highlight>
                          <a:latin typeface="Aptos Narrow" panose="020B00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XTRACONTRACTUAL</a:t>
                      </a:r>
                      <a:endParaRPr lang="es-CO" sz="1600" dirty="0">
                        <a:solidFill>
                          <a:srgbClr val="FF0000"/>
                        </a:solidFill>
                        <a:effectLst/>
                        <a:highlight>
                          <a:srgbClr val="FFFFFF"/>
                        </a:highlight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5791524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úmero de póliza </a:t>
                      </a:r>
                      <a:endParaRPr lang="es-CO" sz="11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031606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Entidad Aseguradora 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86480782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Vigencia de la póliza: (Desde: inicio Vigencia)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4888602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Vigencia de la póliza: (Hasta: Final Vigencia)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780668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S BÁSICO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13297112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uerte Accidental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9152312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capacidad Temporal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22218047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capacidad Permanente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3635382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astos Médicos Hospitalario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7882402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S ADICIONALE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1143025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 patrimonial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5219411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sistencia Jurídica en proceso penal y civil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8026490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erjuicios patrimoniales y extrapatrimoniale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988390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tros amparo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4217668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ON SOBRE VEHÍCULOS 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5102793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Información de placas 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06494157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Información sobre el clausulado y caratula 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5059595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ÓN SOBRE EL FONDO DE RESPONSABILIDAD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0183050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Constitución Fondo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0877017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Numero de Resolución Superintendencia Financiera o entidad competente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42461275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Resolución de Resolución Superintendencia Financiera o entidad competente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1245448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Valor Reservas Técnicas del Fondo para cubrir las responsabilidades (SMMLV)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85425877"/>
                  </a:ext>
                </a:extLst>
              </a:tr>
              <a:tr h="33652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de corte reservas técnicas del fondo para cubrir las responsabilidades/fecha de  corte reservas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1581814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tra información complementaria del Fondo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2364421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 Información sobre cubrimientos, primera y segunda capa</a:t>
                      </a:r>
                      <a:endParaRPr lang="es-CO" sz="11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52300857"/>
                  </a:ext>
                </a:extLst>
              </a:tr>
            </a:tbl>
          </a:graphicData>
        </a:graphic>
      </p:graphicFrame>
      <p:sp>
        <p:nvSpPr>
          <p:cNvPr id="14" name="CuadroTexto 13">
            <a:extLst>
              <a:ext uri="{FF2B5EF4-FFF2-40B4-BE49-F238E27FC236}">
                <a16:creationId xmlns:a16="http://schemas.microsoft.com/office/drawing/2014/main" id="{F2597056-7734-E43C-E513-7214ED044E82}"/>
              </a:ext>
            </a:extLst>
          </p:cNvPr>
          <p:cNvSpPr txBox="1"/>
          <p:nvPr/>
        </p:nvSpPr>
        <p:spPr>
          <a:xfrm>
            <a:off x="227809" y="1294321"/>
            <a:ext cx="6003112" cy="1384995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algn="ctr"/>
            <a:r>
              <a:rPr lang="es-CO" sz="1200" b="1" kern="100" dirty="0">
                <a:solidFill>
                  <a:schemeClr val="bg1"/>
                </a:solidFill>
                <a:effectLst/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royecto de Resolución:</a:t>
            </a:r>
          </a:p>
          <a:p>
            <a:endParaRPr lang="es-CO" sz="1200" b="1" kern="100" dirty="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algn="just"/>
            <a:r>
              <a:rPr lang="es-CO" sz="1200" kern="100" dirty="0">
                <a:solidFill>
                  <a:schemeClr val="bg1"/>
                </a:solidFill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“Lineamientos para el reporte de la póliza de responsabilidad civil contractual y extracontractual que deben tomar las empresas para el aseguramiento de la actividad transportadora para la prestación del servicio público de transporte en las modalidades Especial, Mixto y de Pasajeros por carretera ”</a:t>
            </a:r>
            <a:endParaRPr lang="es-ES_tradnl" sz="1200" kern="100" dirty="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D2A5C816-0F79-7FC2-E0A3-05E8F72F571F}"/>
              </a:ext>
            </a:extLst>
          </p:cNvPr>
          <p:cNvSpPr txBox="1"/>
          <p:nvPr/>
        </p:nvSpPr>
        <p:spPr>
          <a:xfrm>
            <a:off x="209762" y="2679316"/>
            <a:ext cx="5990114" cy="3647152"/>
          </a:xfrm>
          <a:prstGeom prst="rect">
            <a:avLst/>
          </a:prstGeom>
          <a:ln>
            <a:solidFill>
              <a:schemeClr val="tx2"/>
            </a:solidFill>
            <a:prstDash val="dash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228600" indent="-228600">
              <a:buFont typeface="+mj-lt"/>
              <a:buAutoNum type="arabicPeriod"/>
            </a:pPr>
            <a:r>
              <a:rPr lang="es-CO" sz="1100" b="1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Quienes deben reportar y mantener la información actualizada:</a:t>
            </a: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Empresas de transporte: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Especial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Mixto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asajeros por carretera </a:t>
            </a:r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2. Cuando deben reportar:</a:t>
            </a: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marL="171450" indent="-171450" algn="just">
              <a:buFont typeface="Wingdings" pitchFamily="2" charset="2"/>
              <a:buChar char="q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rimer registro: Desde el 29 de abril hasta el  17 de mayo del 2024</a:t>
            </a:r>
          </a:p>
          <a:p>
            <a:pPr marL="171450" indent="-171450">
              <a:buFont typeface="Wingdings" pitchFamily="2" charset="2"/>
              <a:buChar char="q"/>
            </a:pP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Actualización permanente: Cada vez que la empresa tome una nueva póliza deberá reportar.</a:t>
            </a:r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3. Donde deben reportar:</a:t>
            </a: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Sistema de Información de Seguimiento e Implementación y control de pólizas de seguro de responsabilidad civil contractual y extracontractual (SISI/POLIZA)</a:t>
            </a:r>
          </a:p>
          <a:p>
            <a:endParaRPr lang="es-CO" sz="1100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4. Donde puedo consultar la documentación  del reporte de información :</a:t>
            </a:r>
          </a:p>
          <a:p>
            <a:endParaRPr lang="es-CO" sz="1100" b="1" kern="100" dirty="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supertransporte.gov.co/index.php/formulario-sisi-poliza</a:t>
            </a:r>
            <a:r>
              <a:rPr lang="es-CO" sz="1100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 )</a:t>
            </a:r>
          </a:p>
        </p:txBody>
      </p:sp>
      <p:sp>
        <p:nvSpPr>
          <p:cNvPr id="29" name="CuadroTexto 28">
            <a:extLst>
              <a:ext uri="{FF2B5EF4-FFF2-40B4-BE49-F238E27FC236}">
                <a16:creationId xmlns:a16="http://schemas.microsoft.com/office/drawing/2014/main" id="{3960AB5B-1330-1710-4014-82628A3800B2}"/>
              </a:ext>
            </a:extLst>
          </p:cNvPr>
          <p:cNvSpPr txBox="1"/>
          <p:nvPr/>
        </p:nvSpPr>
        <p:spPr>
          <a:xfrm>
            <a:off x="2119862" y="154070"/>
            <a:ext cx="6838467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s-CO" sz="1400" b="1" kern="100" dirty="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Sistema de Información de Seguimiento e Implementación y control de pólizas de seguro de responsabilidad civil contractual y extracontractual (SISI/POLIZA)</a:t>
            </a:r>
          </a:p>
        </p:txBody>
      </p:sp>
    </p:spTree>
    <p:extLst>
      <p:ext uri="{BB962C8B-B14F-4D97-AF65-F5344CB8AC3E}">
        <p14:creationId xmlns:p14="http://schemas.microsoft.com/office/powerpoint/2010/main" val="361984566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1359846" y="2181018"/>
            <a:ext cx="6904653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Sistema de Colaboración Tecnológico con Enfoque Multipropósito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CuadroTexto 9">
            <a:extLst>
              <a:ext uri="{FF2B5EF4-FFF2-40B4-BE49-F238E27FC236}">
                <a16:creationId xmlns:a16="http://schemas.microsoft.com/office/drawing/2014/main" id="{7F69EADC-30C2-AAE7-E7DE-85968102D8E9}"/>
              </a:ext>
            </a:extLst>
          </p:cNvPr>
          <p:cNvSpPr txBox="1"/>
          <p:nvPr/>
        </p:nvSpPr>
        <p:spPr>
          <a:xfrm>
            <a:off x="-1075444" y="4487478"/>
            <a:ext cx="923730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CO" sz="3600" b="1">
                <a:solidFill>
                  <a:schemeClr val="bg1"/>
                </a:solidFill>
                <a:latin typeface="Nunito" pitchFamily="2" charset="0"/>
              </a:rPr>
              <a:t>Infracciones – Exceso de Velocidad </a:t>
            </a:r>
          </a:p>
        </p:txBody>
      </p:sp>
      <p:pic>
        <p:nvPicPr>
          <p:cNvPr id="2" name="Imagen 1" descr="Texto, Tabla&#10;&#10;Descripción generada automáticamente con confianza media">
            <a:extLst>
              <a:ext uri="{FF2B5EF4-FFF2-40B4-BE49-F238E27FC236}">
                <a16:creationId xmlns:a16="http://schemas.microsoft.com/office/drawing/2014/main" id="{790FEA12-2CA7-FE0A-4F16-EE1D104C222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-40835" y="31320"/>
            <a:ext cx="12249530" cy="6795360"/>
          </a:xfrm>
          <a:prstGeom prst="rect">
            <a:avLst/>
          </a:prstGeom>
        </p:spPr>
      </p:pic>
      <p:sp>
        <p:nvSpPr>
          <p:cNvPr id="4" name="Rectángulo 3">
            <a:extLst>
              <a:ext uri="{FF2B5EF4-FFF2-40B4-BE49-F238E27FC236}">
                <a16:creationId xmlns:a16="http://schemas.microsoft.com/office/drawing/2014/main" id="{D83E56ED-5556-6223-703A-D55C02A9D7D1}"/>
              </a:ext>
            </a:extLst>
          </p:cNvPr>
          <p:cNvSpPr/>
          <p:nvPr/>
        </p:nvSpPr>
        <p:spPr>
          <a:xfrm>
            <a:off x="154185" y="31320"/>
            <a:ext cx="2040184" cy="117402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s-CO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s-CO"/>
          </a:p>
        </p:txBody>
      </p:sp>
      <p:pic>
        <p:nvPicPr>
          <p:cNvPr id="5" name="Imagen 4">
            <a:extLst>
              <a:ext uri="{FF2B5EF4-FFF2-40B4-BE49-F238E27FC236}">
                <a16:creationId xmlns:a16="http://schemas.microsoft.com/office/drawing/2014/main" id="{DE7476B0-F6B0-CD60-C54D-AA59963EBC3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8976" y="361983"/>
            <a:ext cx="1795393" cy="624045"/>
          </a:xfrm>
          <a:prstGeom prst="rect">
            <a:avLst/>
          </a:prstGeom>
        </p:spPr>
      </p:pic>
      <p:pic>
        <p:nvPicPr>
          <p:cNvPr id="11" name="Imagen 10" descr="Logotipo&#10;&#10;Descripción generada automáticamente">
            <a:extLst>
              <a:ext uri="{FF2B5EF4-FFF2-40B4-BE49-F238E27FC236}">
                <a16:creationId xmlns:a16="http://schemas.microsoft.com/office/drawing/2014/main" id="{7A4CEE8A-0385-C44B-2B55-FA0412F6EC0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795783" y="183720"/>
            <a:ext cx="1255365" cy="888159"/>
          </a:xfrm>
          <a:prstGeom prst="rect">
            <a:avLst/>
          </a:prstGeom>
        </p:spPr>
      </p:pic>
      <p:pic>
        <p:nvPicPr>
          <p:cNvPr id="12" name="Imagen 11">
            <a:extLst>
              <a:ext uri="{FF2B5EF4-FFF2-40B4-BE49-F238E27FC236}">
                <a16:creationId xmlns:a16="http://schemas.microsoft.com/office/drawing/2014/main" id="{0D2E4B48-483A-E321-790F-56E24D4BF3E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672974" y="1003826"/>
            <a:ext cx="1559861" cy="1110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85382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2404" y="-1410559"/>
            <a:ext cx="12192000" cy="8010203"/>
          </a:xfrm>
          <a:prstGeom prst="rect">
            <a:avLst/>
          </a:prstGeom>
        </p:spPr>
      </p:pic>
      <p:sp>
        <p:nvSpPr>
          <p:cNvPr id="6" name="CuadroTexto 5">
            <a:extLst>
              <a:ext uri="{FF2B5EF4-FFF2-40B4-BE49-F238E27FC236}">
                <a16:creationId xmlns:a16="http://schemas.microsoft.com/office/drawing/2014/main" id="{43961784-A23C-BA19-7252-A2EFBCEDF05C}"/>
              </a:ext>
            </a:extLst>
          </p:cNvPr>
          <p:cNvSpPr txBox="1"/>
          <p:nvPr/>
        </p:nvSpPr>
        <p:spPr>
          <a:xfrm>
            <a:off x="2892479" y="129311"/>
            <a:ext cx="604684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s-CO" sz="2000" b="1">
                <a:latin typeface="Nunito" pitchFamily="2" charset="77"/>
              </a:rPr>
              <a:t>Top 10 Vehículos Públicos – Exceso de Velocidad</a:t>
            </a:r>
          </a:p>
          <a:p>
            <a:pPr algn="ctr"/>
            <a:r>
              <a:rPr lang="es-CO" sz="2000" b="1">
                <a:latin typeface="Nunito" pitchFamily="2" charset="77"/>
              </a:rPr>
              <a:t>2023 </a:t>
            </a: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5039614" y="6599645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sp>
        <p:nvSpPr>
          <p:cNvPr id="32" name="CuadroTexto 31">
            <a:extLst>
              <a:ext uri="{FF2B5EF4-FFF2-40B4-BE49-F238E27FC236}">
                <a16:creationId xmlns:a16="http://schemas.microsoft.com/office/drawing/2014/main" id="{5CEAB17E-A2F0-E2CC-21AD-E5013EB23D00}"/>
              </a:ext>
            </a:extLst>
          </p:cNvPr>
          <p:cNvSpPr txBox="1"/>
          <p:nvPr/>
        </p:nvSpPr>
        <p:spPr>
          <a:xfrm>
            <a:off x="9086867" y="5494105"/>
            <a:ext cx="310272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050" i="1">
                <a:latin typeface="Nunito" pitchFamily="2" charset="77"/>
              </a:rPr>
              <a:t>Fuente: Radares Concesionaria Vial Andina</a:t>
            </a:r>
          </a:p>
        </p:txBody>
      </p:sp>
      <p:pic>
        <p:nvPicPr>
          <p:cNvPr id="34" name="Imagen 33">
            <a:extLst>
              <a:ext uri="{FF2B5EF4-FFF2-40B4-BE49-F238E27FC236}">
                <a16:creationId xmlns:a16="http://schemas.microsoft.com/office/drawing/2014/main" id="{9389FF42-7638-E39B-4D15-519FF4C0E2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4049" y="998943"/>
            <a:ext cx="3484330" cy="5152466"/>
          </a:xfrm>
          <a:prstGeom prst="rect">
            <a:avLst/>
          </a:prstGeom>
        </p:spPr>
      </p:pic>
      <p:sp>
        <p:nvSpPr>
          <p:cNvPr id="37" name="CuadroTexto 36">
            <a:extLst>
              <a:ext uri="{FF2B5EF4-FFF2-40B4-BE49-F238E27FC236}">
                <a16:creationId xmlns:a16="http://schemas.microsoft.com/office/drawing/2014/main" id="{E84D6101-2327-6A2C-087C-65524E42F6EB}"/>
              </a:ext>
            </a:extLst>
          </p:cNvPr>
          <p:cNvSpPr txBox="1"/>
          <p:nvPr/>
        </p:nvSpPr>
        <p:spPr>
          <a:xfrm>
            <a:off x="4047744" y="5621618"/>
            <a:ext cx="788717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400">
                <a:latin typeface="Nunito" pitchFamily="2" charset="77"/>
              </a:rPr>
              <a:t>Acciones a realizar Supertransporte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400">
                <a:latin typeface="Nunito" pitchFamily="2" charset="77"/>
              </a:rPr>
              <a:t>Identificación de las empresas de transporte y comunicación de infraccione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400">
                <a:latin typeface="Nunito" pitchFamily="2" charset="77"/>
              </a:rPr>
              <a:t>Seguimiento para el año 2024</a:t>
            </a:r>
          </a:p>
        </p:txBody>
      </p:sp>
      <p:pic>
        <p:nvPicPr>
          <p:cNvPr id="2" name="Imagen 1">
            <a:extLst>
              <a:ext uri="{FF2B5EF4-FFF2-40B4-BE49-F238E27FC236}">
                <a16:creationId xmlns:a16="http://schemas.microsoft.com/office/drawing/2014/main" id="{12637E37-F937-3CF6-1374-84762142A9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27252" y="1007193"/>
            <a:ext cx="7547805" cy="4487206"/>
          </a:xfrm>
          <a:prstGeom prst="rect">
            <a:avLst/>
          </a:prstGeom>
        </p:spPr>
      </p:pic>
      <p:pic>
        <p:nvPicPr>
          <p:cNvPr id="3" name="Imagen 2">
            <a:extLst>
              <a:ext uri="{FF2B5EF4-FFF2-40B4-BE49-F238E27FC236}">
                <a16:creationId xmlns:a16="http://schemas.microsoft.com/office/drawing/2014/main" id="{DAD633D3-096A-A2EF-57AA-610640A1D2D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1046" y="227381"/>
            <a:ext cx="1795393" cy="624045"/>
          </a:xfrm>
          <a:prstGeom prst="rect">
            <a:avLst/>
          </a:prstGeom>
        </p:spPr>
      </p:pic>
      <p:pic>
        <p:nvPicPr>
          <p:cNvPr id="4" name="Imagen 3">
            <a:extLst>
              <a:ext uri="{FF2B5EF4-FFF2-40B4-BE49-F238E27FC236}">
                <a16:creationId xmlns:a16="http://schemas.microsoft.com/office/drawing/2014/main" id="{FA840F05-AE1D-DB4A-A6F9-E95E7120966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679013" y="119180"/>
            <a:ext cx="1255365" cy="888159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E049688A-EB2E-BA35-050B-2C1D198FCDD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198325" y="-21897"/>
            <a:ext cx="1559861" cy="1110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401021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127495"/>
            <a:ext cx="12192000" cy="8010203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5039614" y="6599645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pic>
        <p:nvPicPr>
          <p:cNvPr id="3" name="Imagen 2">
            <a:extLst>
              <a:ext uri="{FF2B5EF4-FFF2-40B4-BE49-F238E27FC236}">
                <a16:creationId xmlns:a16="http://schemas.microsoft.com/office/drawing/2014/main" id="{6A2282DF-E9F6-80EC-6742-A623B41514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4049" y="998943"/>
            <a:ext cx="3484330" cy="560070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E7A858C3-2C40-164F-D8A7-F31A9B2B3644}"/>
              </a:ext>
            </a:extLst>
          </p:cNvPr>
          <p:cNvSpPr txBox="1"/>
          <p:nvPr/>
        </p:nvSpPr>
        <p:spPr>
          <a:xfrm>
            <a:off x="2682488" y="129311"/>
            <a:ext cx="6466835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s-CO" sz="2000" b="1">
                <a:latin typeface="Nunito" pitchFamily="2" charset="77"/>
              </a:rPr>
              <a:t>Top 10 Vehículos Particulares – Exceso de Velocidad</a:t>
            </a:r>
          </a:p>
          <a:p>
            <a:pPr algn="ctr"/>
            <a:r>
              <a:rPr lang="es-CO" sz="2000" b="1">
                <a:latin typeface="Nunito" pitchFamily="2" charset="77"/>
              </a:rPr>
              <a:t>2023 </a:t>
            </a:r>
          </a:p>
        </p:txBody>
      </p:sp>
      <p:sp>
        <p:nvSpPr>
          <p:cNvPr id="11" name="CuadroTexto 10">
            <a:extLst>
              <a:ext uri="{FF2B5EF4-FFF2-40B4-BE49-F238E27FC236}">
                <a16:creationId xmlns:a16="http://schemas.microsoft.com/office/drawing/2014/main" id="{677FB587-C976-B5EC-D01B-BB5EDAD445E1}"/>
              </a:ext>
            </a:extLst>
          </p:cNvPr>
          <p:cNvSpPr txBox="1"/>
          <p:nvPr/>
        </p:nvSpPr>
        <p:spPr>
          <a:xfrm>
            <a:off x="9086867" y="5684605"/>
            <a:ext cx="310272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050" i="1">
                <a:latin typeface="Nunito" pitchFamily="2" charset="77"/>
              </a:rPr>
              <a:t>Fuente: Radares Concesionaria Vial Andina</a:t>
            </a:r>
          </a:p>
        </p:txBody>
      </p:sp>
      <p:sp>
        <p:nvSpPr>
          <p:cNvPr id="12" name="CuadroTexto 11">
            <a:extLst>
              <a:ext uri="{FF2B5EF4-FFF2-40B4-BE49-F238E27FC236}">
                <a16:creationId xmlns:a16="http://schemas.microsoft.com/office/drawing/2014/main" id="{E3D775BF-FFB2-4D2D-FD3E-3660E30E2611}"/>
              </a:ext>
            </a:extLst>
          </p:cNvPr>
          <p:cNvSpPr txBox="1"/>
          <p:nvPr/>
        </p:nvSpPr>
        <p:spPr>
          <a:xfrm>
            <a:off x="3832428" y="5914324"/>
            <a:ext cx="788717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400">
                <a:latin typeface="Nunito" pitchFamily="2" charset="77"/>
              </a:rPr>
              <a:t>Acciones a realizar Supertransporte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400">
                <a:latin typeface="Nunito" pitchFamily="2" charset="77"/>
              </a:rPr>
              <a:t>Identificación de los propietarios vía  RUNT y comunicación de infraccione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400">
                <a:latin typeface="Nunito" pitchFamily="2" charset="77"/>
              </a:rPr>
              <a:t>Seguimiento para el año 2024</a:t>
            </a:r>
          </a:p>
        </p:txBody>
      </p:sp>
      <p:pic>
        <p:nvPicPr>
          <p:cNvPr id="2" name="Imagen 1">
            <a:extLst>
              <a:ext uri="{FF2B5EF4-FFF2-40B4-BE49-F238E27FC236}">
                <a16:creationId xmlns:a16="http://schemas.microsoft.com/office/drawing/2014/main" id="{C2F09CAF-D7AB-46A4-EFE5-C66CDEA5DA8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60577" y="924702"/>
            <a:ext cx="6959023" cy="4759902"/>
          </a:xfrm>
          <a:prstGeom prst="rect">
            <a:avLst/>
          </a:prstGeom>
        </p:spPr>
      </p:pic>
      <p:pic>
        <p:nvPicPr>
          <p:cNvPr id="4" name="Imagen 3">
            <a:extLst>
              <a:ext uri="{FF2B5EF4-FFF2-40B4-BE49-F238E27FC236}">
                <a16:creationId xmlns:a16="http://schemas.microsoft.com/office/drawing/2014/main" id="{436A0FCA-43B4-A28A-C7BF-24813C874F6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1046" y="227381"/>
            <a:ext cx="1795393" cy="624045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F09240DC-A154-3FD5-7D7E-B0DE0B1CCB8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655453" y="31320"/>
            <a:ext cx="1255365" cy="888159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D298E3BF-C25F-5716-9CE0-0320EBDF3F4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149323" y="-103282"/>
            <a:ext cx="1559861" cy="1110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955718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FECE50E2-AFDE-3CB5-F8BD-7E1CF1C86BE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uadroTexto 3">
            <a:extLst>
              <a:ext uri="{FF2B5EF4-FFF2-40B4-BE49-F238E27FC236}">
                <a16:creationId xmlns:a16="http://schemas.microsoft.com/office/drawing/2014/main" id="{C0C920EB-C79C-BC3C-536E-13FC460C1D06}"/>
              </a:ext>
            </a:extLst>
          </p:cNvPr>
          <p:cNvSpPr txBox="1"/>
          <p:nvPr/>
        </p:nvSpPr>
        <p:spPr>
          <a:xfrm>
            <a:off x="5400817" y="3072579"/>
            <a:ext cx="378983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7200" b="1">
                <a:solidFill>
                  <a:schemeClr val="bg1"/>
                </a:solidFill>
                <a:latin typeface="Nunito" pitchFamily="2" charset="0"/>
              </a:rPr>
              <a:t>PESV</a:t>
            </a:r>
          </a:p>
        </p:txBody>
      </p:sp>
      <p:sp>
        <p:nvSpPr>
          <p:cNvPr id="3" name="CuadroTexto 2">
            <a:extLst>
              <a:ext uri="{FF2B5EF4-FFF2-40B4-BE49-F238E27FC236}">
                <a16:creationId xmlns:a16="http://schemas.microsoft.com/office/drawing/2014/main" id="{0967047C-249D-87A8-4A63-B937703D8279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cxnSp>
        <p:nvCxnSpPr>
          <p:cNvPr id="2" name="Conector recto 1">
            <a:extLst>
              <a:ext uri="{FF2B5EF4-FFF2-40B4-BE49-F238E27FC236}">
                <a16:creationId xmlns:a16="http://schemas.microsoft.com/office/drawing/2014/main" id="{30547F71-50DC-D158-C997-B125D140B857}"/>
              </a:ext>
            </a:extLst>
          </p:cNvPr>
          <p:cNvCxnSpPr>
            <a:cxnSpLocks/>
          </p:cNvCxnSpPr>
          <p:nvPr/>
        </p:nvCxnSpPr>
        <p:spPr>
          <a:xfrm>
            <a:off x="1240971" y="4338735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Elipse 4">
            <a:extLst>
              <a:ext uri="{FF2B5EF4-FFF2-40B4-BE49-F238E27FC236}">
                <a16:creationId xmlns:a16="http://schemas.microsoft.com/office/drawing/2014/main" id="{157BECDF-469C-F4EA-13F9-E9A3B50DB167}"/>
              </a:ext>
            </a:extLst>
          </p:cNvPr>
          <p:cNvSpPr/>
          <p:nvPr/>
        </p:nvSpPr>
        <p:spPr>
          <a:xfrm>
            <a:off x="1099102" y="2001907"/>
            <a:ext cx="2161488" cy="2161488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6" name="Imagen 5">
            <a:extLst>
              <a:ext uri="{FF2B5EF4-FFF2-40B4-BE49-F238E27FC236}">
                <a16:creationId xmlns:a16="http://schemas.microsoft.com/office/drawing/2014/main" id="{81B04B1C-A203-4A42-7D74-60201D9CE1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5966" y="2131474"/>
            <a:ext cx="2347759" cy="16716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617309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80" y="-4576"/>
            <a:ext cx="12192000" cy="6862576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4957732" y="6626941"/>
            <a:ext cx="201529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200" b="1">
                <a:solidFill>
                  <a:schemeClr val="bg1"/>
                </a:solidFill>
                <a:latin typeface="Abadi" panose="020B0604020104020204" pitchFamily="34" charset="0"/>
              </a:rPr>
              <a:t>www.supertransporte.gov.co</a:t>
            </a: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77C45466-F45F-A96C-9ECB-AF8A6C3DEB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71361" y="-20425"/>
            <a:ext cx="1823688" cy="1298466"/>
          </a:xfrm>
          <a:prstGeom prst="rect">
            <a:avLst/>
          </a:prstGeom>
        </p:spPr>
      </p:pic>
      <p:pic>
        <p:nvPicPr>
          <p:cNvPr id="3" name="Imagen 2" descr="Diagrama&#10;&#10;Descripción generada automáticamente">
            <a:extLst>
              <a:ext uri="{FF2B5EF4-FFF2-40B4-BE49-F238E27FC236}">
                <a16:creationId xmlns:a16="http://schemas.microsoft.com/office/drawing/2014/main" id="{96880466-C698-0D5F-B62F-1B371FE2ED7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811" y="1622323"/>
            <a:ext cx="4072407" cy="4545573"/>
          </a:xfrm>
          <a:prstGeom prst="rect">
            <a:avLst/>
          </a:prstGeom>
        </p:spPr>
      </p:pic>
      <p:sp>
        <p:nvSpPr>
          <p:cNvPr id="5" name="CuadroTexto 4">
            <a:extLst>
              <a:ext uri="{FF2B5EF4-FFF2-40B4-BE49-F238E27FC236}">
                <a16:creationId xmlns:a16="http://schemas.microsoft.com/office/drawing/2014/main" id="{A5DD9007-1824-0111-8B15-6EBD055F3EBF}"/>
              </a:ext>
            </a:extLst>
          </p:cNvPr>
          <p:cNvSpPr txBox="1"/>
          <p:nvPr/>
        </p:nvSpPr>
        <p:spPr>
          <a:xfrm>
            <a:off x="2153264" y="305899"/>
            <a:ext cx="718738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800" b="1" dirty="0">
                <a:latin typeface="Nunito" pitchFamily="2" charset="0"/>
              </a:rPr>
              <a:t>Estado de los reportes por vigilados - PESV</a:t>
            </a:r>
          </a:p>
        </p:txBody>
      </p:sp>
      <p:sp>
        <p:nvSpPr>
          <p:cNvPr id="6" name="CuadroTexto 5">
            <a:extLst>
              <a:ext uri="{FF2B5EF4-FFF2-40B4-BE49-F238E27FC236}">
                <a16:creationId xmlns:a16="http://schemas.microsoft.com/office/drawing/2014/main" id="{8F758420-9D41-BBA3-15CA-8F229726763B}"/>
              </a:ext>
            </a:extLst>
          </p:cNvPr>
          <p:cNvSpPr txBox="1"/>
          <p:nvPr/>
        </p:nvSpPr>
        <p:spPr>
          <a:xfrm>
            <a:off x="-70679" y="3590179"/>
            <a:ext cx="139803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2800" b="1" u="sng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Nunito" pitchFamily="2" charset="0"/>
              </a:rPr>
              <a:t>8.074</a:t>
            </a:r>
          </a:p>
        </p:txBody>
      </p:sp>
      <p:pic>
        <p:nvPicPr>
          <p:cNvPr id="19" name="Imagen 18">
            <a:extLst>
              <a:ext uri="{FF2B5EF4-FFF2-40B4-BE49-F238E27FC236}">
                <a16:creationId xmlns:a16="http://schemas.microsoft.com/office/drawing/2014/main" id="{F933F281-7FA4-0C0F-3B68-853EE737F7F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01616" y="1622323"/>
            <a:ext cx="7600336" cy="44527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1615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n 3">
            <a:extLst>
              <a:ext uri="{FF2B5EF4-FFF2-40B4-BE49-F238E27FC236}">
                <a16:creationId xmlns:a16="http://schemas.microsoft.com/office/drawing/2014/main" id="{34E7F52C-385E-E2E3-8F6D-0637391E7AA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462"/>
            <a:ext cx="12192821" cy="6857538"/>
          </a:xfrm>
          <a:prstGeom prst="rect">
            <a:avLst/>
          </a:prstGeom>
        </p:spPr>
      </p:pic>
      <p:sp>
        <p:nvSpPr>
          <p:cNvPr id="5" name="TextBox 2">
            <a:extLst>
              <a:ext uri="{FF2B5EF4-FFF2-40B4-BE49-F238E27FC236}">
                <a16:creationId xmlns:a16="http://schemas.microsoft.com/office/drawing/2014/main" id="{D3344F5D-9AFC-70FA-E330-BF1C8BE82AC5}"/>
              </a:ext>
            </a:extLst>
          </p:cNvPr>
          <p:cNvSpPr txBox="1"/>
          <p:nvPr/>
        </p:nvSpPr>
        <p:spPr>
          <a:xfrm>
            <a:off x="705603" y="1232002"/>
            <a:ext cx="7754526" cy="941027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3634"/>
              </a:lnSpc>
            </a:pPr>
            <a:r>
              <a:rPr lang="es-ES_tradnl" sz="3460" b="1" spc="259">
                <a:solidFill>
                  <a:srgbClr val="000000"/>
                </a:solidFill>
                <a:latin typeface="Nunito" pitchFamily="2" charset="77"/>
              </a:rPr>
              <a:t>Ayda Lucy Ospina Arias </a:t>
            </a:r>
          </a:p>
          <a:p>
            <a:pPr>
              <a:lnSpc>
                <a:spcPts val="3634"/>
              </a:lnSpc>
            </a:pPr>
            <a:r>
              <a:rPr lang="es-ES_tradnl" sz="3460" spc="259">
                <a:solidFill>
                  <a:srgbClr val="000000"/>
                </a:solidFill>
                <a:latin typeface="Nunito" pitchFamily="2" charset="77"/>
              </a:rPr>
              <a:t>Superintendente de Transporte  </a:t>
            </a:r>
          </a:p>
        </p:txBody>
      </p:sp>
      <p:sp>
        <p:nvSpPr>
          <p:cNvPr id="6" name="TextBox 11">
            <a:extLst>
              <a:ext uri="{FF2B5EF4-FFF2-40B4-BE49-F238E27FC236}">
                <a16:creationId xmlns:a16="http://schemas.microsoft.com/office/drawing/2014/main" id="{3AFD8DE2-6A9F-0E35-25EF-F7F289C71860}"/>
              </a:ext>
            </a:extLst>
          </p:cNvPr>
          <p:cNvSpPr txBox="1"/>
          <p:nvPr/>
        </p:nvSpPr>
        <p:spPr>
          <a:xfrm>
            <a:off x="692093" y="2405872"/>
            <a:ext cx="7232707" cy="3168175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just">
              <a:lnSpc>
                <a:spcPts val="1879"/>
              </a:lnSpc>
              <a:spcBef>
                <a:spcPct val="0"/>
              </a:spcBef>
            </a:pPr>
            <a:endParaRPr lang="es-ES_tradnl" sz="1333">
              <a:latin typeface="Nunito" pitchFamily="2" charset="77"/>
            </a:endParaRP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La actual Superintendente de Transporte, la abogada caldense Ayda Lucy Ospina Arias, es graduada de la Universidad de Caldas. Cuenta con una especialización en Derecho Notarial y Registral de la Universidad Externado de Colombia. </a:t>
            </a: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 </a:t>
            </a: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Tiene más de 25 años de experiencia en la Administración Pública, se desempeñó desde 2012 hasta 2017 en el Ministerio de Transporte como Asesora del Despacho y Directora Nacional de Transporte y Tránsito. Así mismo, desde el 2008 al 2012, como Subsecretaria de Servicios de Movilidad, Directora de Control y Vigilancia y Directora de Servicio al Ciudadano de la Secretaría Distrital de Movilidad de Bogotá.    </a:t>
            </a:r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89B87C4-A585-7C39-CB75-58A562AB302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91733" y="1721849"/>
            <a:ext cx="3911623" cy="3976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033617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980" y="-4576"/>
            <a:ext cx="12192000" cy="6862576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4957732" y="6626941"/>
            <a:ext cx="201529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200" b="1">
                <a:solidFill>
                  <a:schemeClr val="bg1"/>
                </a:solidFill>
                <a:latin typeface="Abadi" panose="020B0604020104020204" pitchFamily="34" charset="0"/>
              </a:rPr>
              <a:t>www.supertransporte.gov.co</a:t>
            </a:r>
          </a:p>
        </p:txBody>
      </p:sp>
      <p:sp>
        <p:nvSpPr>
          <p:cNvPr id="36" name="CuadroTexto 35">
            <a:extLst>
              <a:ext uri="{FF2B5EF4-FFF2-40B4-BE49-F238E27FC236}">
                <a16:creationId xmlns:a16="http://schemas.microsoft.com/office/drawing/2014/main" id="{9862ECC9-7D7B-E21D-1B92-30B4B425F42D}"/>
              </a:ext>
            </a:extLst>
          </p:cNvPr>
          <p:cNvSpPr txBox="1"/>
          <p:nvPr/>
        </p:nvSpPr>
        <p:spPr>
          <a:xfrm>
            <a:off x="2542519" y="214515"/>
            <a:ext cx="742391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400" b="1">
                <a:ln w="0"/>
                <a:solidFill>
                  <a:schemeClr val="tx1">
                    <a:lumMod val="95000"/>
                    <a:lumOff val="5000"/>
                  </a:schemeClr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</a:rPr>
              <a:t>Planificación de SISI/PESV para la recepción de información</a:t>
            </a:r>
          </a:p>
        </p:txBody>
      </p:sp>
      <p:cxnSp>
        <p:nvCxnSpPr>
          <p:cNvPr id="91" name="OTLSHAPE_M_9b39fefad822441faaec2498033d8bd1_Connector1">
            <a:extLst>
              <a:ext uri="{FF2B5EF4-FFF2-40B4-BE49-F238E27FC236}">
                <a16:creationId xmlns:a16="http://schemas.microsoft.com/office/drawing/2014/main" id="{7EA61E7F-43F9-A3BB-5781-D300F5E7B18B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8008418" y="1429922"/>
            <a:ext cx="0" cy="83111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95" name="OTLSHAPE_M_9b39fefad822441faaec2498033d8bd1_Connector1">
            <a:extLst>
              <a:ext uri="{FF2B5EF4-FFF2-40B4-BE49-F238E27FC236}">
                <a16:creationId xmlns:a16="http://schemas.microsoft.com/office/drawing/2014/main" id="{FFE0E83F-A81E-9F30-82D9-8FDACE2899A3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727830" y="1525283"/>
            <a:ext cx="0" cy="73109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9b39fefad822441faaec2498033d8bd1_Connector1">
            <a:extLst>
              <a:ext uri="{FF2B5EF4-FFF2-40B4-BE49-F238E27FC236}">
                <a16:creationId xmlns:a16="http://schemas.microsoft.com/office/drawing/2014/main" id="{45B0CFCE-8D07-EF41-4D41-78E52124D04F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565424" y="1515200"/>
            <a:ext cx="0" cy="74583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aphicFrame>
        <p:nvGraphicFramePr>
          <p:cNvPr id="107" name="Table 2">
            <a:extLst>
              <a:ext uri="{FF2B5EF4-FFF2-40B4-BE49-F238E27FC236}">
                <a16:creationId xmlns:a16="http://schemas.microsoft.com/office/drawing/2014/main" id="{D2F57B4A-EA49-A1E5-9B12-B99E8302CC80}"/>
              </a:ext>
            </a:extLst>
          </p:cNvPr>
          <p:cNvGraphicFramePr>
            <a:graphicFrameLocks noGrp="1"/>
          </p:cNvGraphicFramePr>
          <p:nvPr/>
        </p:nvGraphicFramePr>
        <p:xfrm>
          <a:off x="3459384" y="2234207"/>
          <a:ext cx="8652540" cy="376422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21045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504967"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Jul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Ago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Sep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Oct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Nov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Dic</a:t>
                      </a:r>
                      <a:r>
                        <a:rPr lang="en-US" sz="1400"/>
                        <a:t>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Ene</a:t>
                      </a:r>
                      <a:r>
                        <a:rPr lang="en-US" sz="1400"/>
                        <a:t>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Feb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Mar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Abr</a:t>
                      </a:r>
                      <a:r>
                        <a:rPr lang="en-US" sz="1400"/>
                        <a:t>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May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Jun/24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259255"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sp>
        <p:nvSpPr>
          <p:cNvPr id="118" name="Rectangle 105">
            <a:extLst>
              <a:ext uri="{FF2B5EF4-FFF2-40B4-BE49-F238E27FC236}">
                <a16:creationId xmlns:a16="http://schemas.microsoft.com/office/drawing/2014/main" id="{41395F85-D437-891F-5E81-7C201F2F5FEE}"/>
              </a:ext>
            </a:extLst>
          </p:cNvPr>
          <p:cNvSpPr/>
          <p:nvPr/>
        </p:nvSpPr>
        <p:spPr>
          <a:xfrm>
            <a:off x="3399666" y="3825854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1" name="Rectangle 106">
            <a:extLst>
              <a:ext uri="{FF2B5EF4-FFF2-40B4-BE49-F238E27FC236}">
                <a16:creationId xmlns:a16="http://schemas.microsoft.com/office/drawing/2014/main" id="{EBE8EBA7-AC00-1E1E-BEB5-35DA66B70A03}"/>
              </a:ext>
            </a:extLst>
          </p:cNvPr>
          <p:cNvSpPr/>
          <p:nvPr/>
        </p:nvSpPr>
        <p:spPr>
          <a:xfrm>
            <a:off x="3390804" y="4520662"/>
            <a:ext cx="68580" cy="26421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4" name="Rectangle 107">
            <a:extLst>
              <a:ext uri="{FF2B5EF4-FFF2-40B4-BE49-F238E27FC236}">
                <a16:creationId xmlns:a16="http://schemas.microsoft.com/office/drawing/2014/main" id="{96FDA97B-AF7B-4974-B99F-ABAB5FC0A3C8}"/>
              </a:ext>
            </a:extLst>
          </p:cNvPr>
          <p:cNvSpPr/>
          <p:nvPr/>
        </p:nvSpPr>
        <p:spPr>
          <a:xfrm>
            <a:off x="3390804" y="5141358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7" name="Rectangle 108">
            <a:extLst>
              <a:ext uri="{FF2B5EF4-FFF2-40B4-BE49-F238E27FC236}">
                <a16:creationId xmlns:a16="http://schemas.microsoft.com/office/drawing/2014/main" id="{DFC0AAE9-4200-FC16-CC28-EF7E71EED347}"/>
              </a:ext>
            </a:extLst>
          </p:cNvPr>
          <p:cNvSpPr/>
          <p:nvPr/>
        </p:nvSpPr>
        <p:spPr>
          <a:xfrm>
            <a:off x="3399666" y="3260200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grpSp>
        <p:nvGrpSpPr>
          <p:cNvPr id="200" name="Grupo 199">
            <a:extLst>
              <a:ext uri="{FF2B5EF4-FFF2-40B4-BE49-F238E27FC236}">
                <a16:creationId xmlns:a16="http://schemas.microsoft.com/office/drawing/2014/main" id="{955A865D-56EF-BF28-D18D-B5140C48BF1B}"/>
              </a:ext>
            </a:extLst>
          </p:cNvPr>
          <p:cNvGrpSpPr/>
          <p:nvPr/>
        </p:nvGrpSpPr>
        <p:grpSpPr>
          <a:xfrm>
            <a:off x="8008427" y="1345991"/>
            <a:ext cx="2309905" cy="1073282"/>
            <a:chOff x="7400494" y="1065337"/>
            <a:chExt cx="1765641" cy="1073282"/>
          </a:xfrm>
        </p:grpSpPr>
        <p:sp>
          <p:nvSpPr>
            <p:cNvPr id="93" name="OTLSHAPE_M_9b39fefad822441faaec2498033d8bd1_Shape">
              <a:extLst>
                <a:ext uri="{FF2B5EF4-FFF2-40B4-BE49-F238E27FC236}">
                  <a16:creationId xmlns:a16="http://schemas.microsoft.com/office/drawing/2014/main" id="{9CEDA097-8B79-6079-BB98-567998E0D4DA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398041" y="1067790"/>
              <a:ext cx="199010" cy="194104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94" name="TextBox 115">
              <a:extLst>
                <a:ext uri="{FF2B5EF4-FFF2-40B4-BE49-F238E27FC236}">
                  <a16:creationId xmlns:a16="http://schemas.microsoft.com/office/drawing/2014/main" id="{584CE0AD-AA15-723F-22DA-4E0371DDFF64}"/>
                </a:ext>
              </a:extLst>
            </p:cNvPr>
            <p:cNvSpPr txBox="1"/>
            <p:nvPr/>
          </p:nvSpPr>
          <p:spPr>
            <a:xfrm>
              <a:off x="7513301" y="1199900"/>
              <a:ext cx="1652834" cy="938719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s-CO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16 ene –plazo máximo de reporte de los resultados  de indicadores y evidencias de la anualidad</a:t>
              </a:r>
            </a:p>
          </p:txBody>
        </p:sp>
      </p:grpSp>
      <p:grpSp>
        <p:nvGrpSpPr>
          <p:cNvPr id="199" name="Grupo 198">
            <a:extLst>
              <a:ext uri="{FF2B5EF4-FFF2-40B4-BE49-F238E27FC236}">
                <a16:creationId xmlns:a16="http://schemas.microsoft.com/office/drawing/2014/main" id="{F901A23F-9C1E-3F60-EF80-A229BB04689F}"/>
              </a:ext>
            </a:extLst>
          </p:cNvPr>
          <p:cNvGrpSpPr/>
          <p:nvPr/>
        </p:nvGrpSpPr>
        <p:grpSpPr>
          <a:xfrm>
            <a:off x="4727829" y="1389815"/>
            <a:ext cx="1965055" cy="709668"/>
            <a:chOff x="4119897" y="1025230"/>
            <a:chExt cx="1965055" cy="709668"/>
          </a:xfrm>
        </p:grpSpPr>
        <p:sp>
          <p:nvSpPr>
            <p:cNvPr id="97" name="OTLSHAPE_M_9b39fefad822441faaec2498033d8bd1_Shape">
              <a:extLst>
                <a:ext uri="{FF2B5EF4-FFF2-40B4-BE49-F238E27FC236}">
                  <a16:creationId xmlns:a16="http://schemas.microsoft.com/office/drawing/2014/main" id="{3EFC8438-75B5-5531-45F6-757E0E700D67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4112855" y="1032427"/>
              <a:ext cx="167366" cy="152971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98" name="TextBox 119">
              <a:extLst>
                <a:ext uri="{FF2B5EF4-FFF2-40B4-BE49-F238E27FC236}">
                  <a16:creationId xmlns:a16="http://schemas.microsoft.com/office/drawing/2014/main" id="{ECA22B2C-5B3F-9E4F-242B-22264C89A85E}"/>
                </a:ext>
              </a:extLst>
            </p:cNvPr>
            <p:cNvSpPr txBox="1"/>
            <p:nvPr/>
          </p:nvSpPr>
          <p:spPr>
            <a:xfrm>
              <a:off x="4119897" y="1134734"/>
              <a:ext cx="1965055" cy="600164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US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1 Agosto - ST  </a:t>
              </a:r>
              <a:r>
                <a:rPr lang="es-CO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habilita SISI/PESV para diligenciamiento de sujetos obligados</a:t>
              </a:r>
            </a:p>
          </p:txBody>
        </p:sp>
      </p:grpSp>
      <p:grpSp>
        <p:nvGrpSpPr>
          <p:cNvPr id="198" name="Grupo 197">
            <a:extLst>
              <a:ext uri="{FF2B5EF4-FFF2-40B4-BE49-F238E27FC236}">
                <a16:creationId xmlns:a16="http://schemas.microsoft.com/office/drawing/2014/main" id="{B46EC7DA-9BE2-E349-EF5B-5F737928FEE3}"/>
              </a:ext>
            </a:extLst>
          </p:cNvPr>
          <p:cNvGrpSpPr/>
          <p:nvPr/>
        </p:nvGrpSpPr>
        <p:grpSpPr>
          <a:xfrm>
            <a:off x="3548246" y="1363558"/>
            <a:ext cx="1210111" cy="720503"/>
            <a:chOff x="2940314" y="998973"/>
            <a:chExt cx="1210111" cy="720503"/>
          </a:xfrm>
        </p:grpSpPr>
        <p:sp>
          <p:nvSpPr>
            <p:cNvPr id="101" name="OTLSHAPE_M_9b39fefad822441faaec2498033d8bd1_Shape">
              <a:extLst>
                <a:ext uri="{FF2B5EF4-FFF2-40B4-BE49-F238E27FC236}">
                  <a16:creationId xmlns:a16="http://schemas.microsoft.com/office/drawing/2014/main" id="{692B2F6A-01E7-9CAE-7C8C-21F629C0A9AB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rot="16200000" flipV="1">
              <a:off x="2957917" y="1001425"/>
              <a:ext cx="199010" cy="1941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102" name="TextBox 123">
              <a:extLst>
                <a:ext uri="{FF2B5EF4-FFF2-40B4-BE49-F238E27FC236}">
                  <a16:creationId xmlns:a16="http://schemas.microsoft.com/office/drawing/2014/main" id="{23C7F857-03AD-D9B1-1024-87E0CF478D62}"/>
                </a:ext>
              </a:extLst>
            </p:cNvPr>
            <p:cNvSpPr txBox="1"/>
            <p:nvPr/>
          </p:nvSpPr>
          <p:spPr>
            <a:xfrm>
              <a:off x="2940314" y="1073145"/>
              <a:ext cx="1210111" cy="6463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s-CO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12 jul- plazo  de implementación</a:t>
              </a:r>
              <a:r>
                <a:rPr lang="en-US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 o </a:t>
              </a:r>
              <a:r>
                <a:rPr lang="es-CO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actualización</a:t>
              </a:r>
            </a:p>
          </p:txBody>
        </p:sp>
      </p:grpSp>
      <p:grpSp>
        <p:nvGrpSpPr>
          <p:cNvPr id="197" name="Grupo 196">
            <a:extLst>
              <a:ext uri="{FF2B5EF4-FFF2-40B4-BE49-F238E27FC236}">
                <a16:creationId xmlns:a16="http://schemas.microsoft.com/office/drawing/2014/main" id="{54691705-08B5-E58A-9C28-CFEDCFE5DEF6}"/>
              </a:ext>
            </a:extLst>
          </p:cNvPr>
          <p:cNvGrpSpPr/>
          <p:nvPr/>
        </p:nvGrpSpPr>
        <p:grpSpPr>
          <a:xfrm>
            <a:off x="6153914" y="6050966"/>
            <a:ext cx="888047" cy="261610"/>
            <a:chOff x="5321394" y="5622213"/>
            <a:chExt cx="888047" cy="261610"/>
          </a:xfrm>
        </p:grpSpPr>
        <p:sp>
          <p:nvSpPr>
            <p:cNvPr id="135" name="Rectangle 132">
              <a:extLst>
                <a:ext uri="{FF2B5EF4-FFF2-40B4-BE49-F238E27FC236}">
                  <a16:creationId xmlns:a16="http://schemas.microsoft.com/office/drawing/2014/main" id="{2DCE5E38-CEE0-813D-61A1-F95894D41D4F}"/>
                </a:ext>
              </a:extLst>
            </p:cNvPr>
            <p:cNvSpPr/>
            <p:nvPr/>
          </p:nvSpPr>
          <p:spPr>
            <a:xfrm>
              <a:off x="5321394" y="5668661"/>
              <a:ext cx="201128" cy="169418"/>
            </a:xfrm>
            <a:prstGeom prst="rect">
              <a:avLst/>
            </a:prstGeom>
            <a:solidFill>
              <a:srgbClr val="66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36" name="TextBox 133">
              <a:extLst>
                <a:ext uri="{FF2B5EF4-FFF2-40B4-BE49-F238E27FC236}">
                  <a16:creationId xmlns:a16="http://schemas.microsoft.com/office/drawing/2014/main" id="{D4EBEBCF-F922-7513-E412-26A1AF20DFCE}"/>
                </a:ext>
              </a:extLst>
            </p:cNvPr>
            <p:cNvSpPr txBox="1"/>
            <p:nvPr/>
          </p:nvSpPr>
          <p:spPr>
            <a:xfrm>
              <a:off x="5522522" y="5622213"/>
              <a:ext cx="686919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s-CO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Mensual</a:t>
              </a:r>
            </a:p>
          </p:txBody>
        </p:sp>
      </p:grpSp>
      <p:grpSp>
        <p:nvGrpSpPr>
          <p:cNvPr id="196" name="Grupo 195">
            <a:extLst>
              <a:ext uri="{FF2B5EF4-FFF2-40B4-BE49-F238E27FC236}">
                <a16:creationId xmlns:a16="http://schemas.microsoft.com/office/drawing/2014/main" id="{B95D2837-8349-4829-8820-F1CF8A77FD4D}"/>
              </a:ext>
            </a:extLst>
          </p:cNvPr>
          <p:cNvGrpSpPr/>
          <p:nvPr/>
        </p:nvGrpSpPr>
        <p:grpSpPr>
          <a:xfrm>
            <a:off x="7295040" y="6051332"/>
            <a:ext cx="983073" cy="261610"/>
            <a:chOff x="6462520" y="5622579"/>
            <a:chExt cx="983073" cy="261610"/>
          </a:xfrm>
        </p:grpSpPr>
        <p:sp>
          <p:nvSpPr>
            <p:cNvPr id="141" name="Rectangle 132">
              <a:extLst>
                <a:ext uri="{FF2B5EF4-FFF2-40B4-BE49-F238E27FC236}">
                  <a16:creationId xmlns:a16="http://schemas.microsoft.com/office/drawing/2014/main" id="{8892E693-1D1C-AFBB-F8A6-2FFB720124F4}"/>
                </a:ext>
              </a:extLst>
            </p:cNvPr>
            <p:cNvSpPr/>
            <p:nvPr/>
          </p:nvSpPr>
          <p:spPr>
            <a:xfrm>
              <a:off x="6462520" y="5668675"/>
              <a:ext cx="201128" cy="169418"/>
            </a:xfrm>
            <a:prstGeom prst="rect">
              <a:avLst/>
            </a:prstGeom>
            <a:solidFill>
              <a:srgbClr val="FF66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42" name="TextBox 133">
              <a:extLst>
                <a:ext uri="{FF2B5EF4-FFF2-40B4-BE49-F238E27FC236}">
                  <a16:creationId xmlns:a16="http://schemas.microsoft.com/office/drawing/2014/main" id="{0B45D21E-37E6-6190-926B-8E9902A19BC6}"/>
                </a:ext>
              </a:extLst>
            </p:cNvPr>
            <p:cNvSpPr txBox="1"/>
            <p:nvPr/>
          </p:nvSpPr>
          <p:spPr>
            <a:xfrm>
              <a:off x="6663648" y="5622579"/>
              <a:ext cx="781945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Trimestral</a:t>
              </a:r>
            </a:p>
          </p:txBody>
        </p:sp>
      </p:grpSp>
      <p:grpSp>
        <p:nvGrpSpPr>
          <p:cNvPr id="195" name="Grupo 194">
            <a:extLst>
              <a:ext uri="{FF2B5EF4-FFF2-40B4-BE49-F238E27FC236}">
                <a16:creationId xmlns:a16="http://schemas.microsoft.com/office/drawing/2014/main" id="{6A76E03B-CC70-5AF2-85B9-BB15A18811AC}"/>
              </a:ext>
            </a:extLst>
          </p:cNvPr>
          <p:cNvGrpSpPr/>
          <p:nvPr/>
        </p:nvGrpSpPr>
        <p:grpSpPr>
          <a:xfrm>
            <a:off x="8404219" y="6050966"/>
            <a:ext cx="723707" cy="261610"/>
            <a:chOff x="7571699" y="5622213"/>
            <a:chExt cx="723707" cy="261610"/>
          </a:xfrm>
        </p:grpSpPr>
        <p:sp>
          <p:nvSpPr>
            <p:cNvPr id="144" name="Rectangle 132">
              <a:extLst>
                <a:ext uri="{FF2B5EF4-FFF2-40B4-BE49-F238E27FC236}">
                  <a16:creationId xmlns:a16="http://schemas.microsoft.com/office/drawing/2014/main" id="{33BE7392-4C3C-0B4B-26AB-2AD2670CDD45}"/>
                </a:ext>
              </a:extLst>
            </p:cNvPr>
            <p:cNvSpPr/>
            <p:nvPr/>
          </p:nvSpPr>
          <p:spPr>
            <a:xfrm>
              <a:off x="7571699" y="5668309"/>
              <a:ext cx="201128" cy="169418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45" name="TextBox 133">
              <a:extLst>
                <a:ext uri="{FF2B5EF4-FFF2-40B4-BE49-F238E27FC236}">
                  <a16:creationId xmlns:a16="http://schemas.microsoft.com/office/drawing/2014/main" id="{F43FBA54-6B9A-33F5-3A96-42BF566ECC51}"/>
                </a:ext>
              </a:extLst>
            </p:cNvPr>
            <p:cNvSpPr txBox="1"/>
            <p:nvPr/>
          </p:nvSpPr>
          <p:spPr>
            <a:xfrm>
              <a:off x="7772827" y="5622213"/>
              <a:ext cx="522579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s-CO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Anual</a:t>
              </a:r>
            </a:p>
          </p:txBody>
        </p:sp>
      </p:grpSp>
      <p:cxnSp>
        <p:nvCxnSpPr>
          <p:cNvPr id="147" name="Conector recto 146">
            <a:extLst>
              <a:ext uri="{FF2B5EF4-FFF2-40B4-BE49-F238E27FC236}">
                <a16:creationId xmlns:a16="http://schemas.microsoft.com/office/drawing/2014/main" id="{69F7E0CD-D05A-493E-7200-861567988464}"/>
              </a:ext>
            </a:extLst>
          </p:cNvPr>
          <p:cNvCxnSpPr/>
          <p:nvPr/>
        </p:nvCxnSpPr>
        <p:spPr>
          <a:xfrm>
            <a:off x="2367895" y="3346323"/>
            <a:ext cx="280934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Diagrama de flujo: terminador 147">
            <a:extLst>
              <a:ext uri="{FF2B5EF4-FFF2-40B4-BE49-F238E27FC236}">
                <a16:creationId xmlns:a16="http://schemas.microsoft.com/office/drawing/2014/main" id="{015E6B21-3033-4064-96D9-D547E2CDF56B}"/>
              </a:ext>
            </a:extLst>
          </p:cNvPr>
          <p:cNvSpPr/>
          <p:nvPr/>
        </p:nvSpPr>
        <p:spPr>
          <a:xfrm>
            <a:off x="4320155" y="3241604"/>
            <a:ext cx="1207340" cy="209436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highlight>
                <a:srgbClr val="FFCE00"/>
              </a:highlight>
            </a:endParaRPr>
          </a:p>
        </p:txBody>
      </p:sp>
      <p:cxnSp>
        <p:nvCxnSpPr>
          <p:cNvPr id="154" name="Conector recto 153">
            <a:extLst>
              <a:ext uri="{FF2B5EF4-FFF2-40B4-BE49-F238E27FC236}">
                <a16:creationId xmlns:a16="http://schemas.microsoft.com/office/drawing/2014/main" id="{EE025608-5068-DDE0-2EE5-515B8EF0E1FA}"/>
              </a:ext>
            </a:extLst>
          </p:cNvPr>
          <p:cNvCxnSpPr>
            <a:cxnSpLocks/>
          </p:cNvCxnSpPr>
          <p:nvPr/>
        </p:nvCxnSpPr>
        <p:spPr>
          <a:xfrm flipV="1">
            <a:off x="2391686" y="3968330"/>
            <a:ext cx="9719139" cy="13559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Diagrama de flujo: terminador 148">
            <a:extLst>
              <a:ext uri="{FF2B5EF4-FFF2-40B4-BE49-F238E27FC236}">
                <a16:creationId xmlns:a16="http://schemas.microsoft.com/office/drawing/2014/main" id="{CFCBDDBC-DD7F-A857-0877-1198C743F9CC}"/>
              </a:ext>
            </a:extLst>
          </p:cNvPr>
          <p:cNvSpPr/>
          <p:nvPr/>
        </p:nvSpPr>
        <p:spPr>
          <a:xfrm>
            <a:off x="5707162" y="3882516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50" name="Diagrama de flujo: terminador 149">
            <a:extLst>
              <a:ext uri="{FF2B5EF4-FFF2-40B4-BE49-F238E27FC236}">
                <a16:creationId xmlns:a16="http://schemas.microsoft.com/office/drawing/2014/main" id="{18095E2A-15A1-EE88-5880-ECB1F68A43A7}"/>
              </a:ext>
            </a:extLst>
          </p:cNvPr>
          <p:cNvSpPr/>
          <p:nvPr/>
        </p:nvSpPr>
        <p:spPr>
          <a:xfrm>
            <a:off x="5946435" y="387188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cxnSp>
        <p:nvCxnSpPr>
          <p:cNvPr id="158" name="Conector recto 157">
            <a:extLst>
              <a:ext uri="{FF2B5EF4-FFF2-40B4-BE49-F238E27FC236}">
                <a16:creationId xmlns:a16="http://schemas.microsoft.com/office/drawing/2014/main" id="{255668C3-92FE-0E58-A22B-26DB9D9E0219}"/>
              </a:ext>
            </a:extLst>
          </p:cNvPr>
          <p:cNvCxnSpPr>
            <a:cxnSpLocks/>
          </p:cNvCxnSpPr>
          <p:nvPr/>
        </p:nvCxnSpPr>
        <p:spPr>
          <a:xfrm>
            <a:off x="2360800" y="4663134"/>
            <a:ext cx="9744029" cy="48566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Diagrama de flujo: terminador 159">
            <a:extLst>
              <a:ext uri="{FF2B5EF4-FFF2-40B4-BE49-F238E27FC236}">
                <a16:creationId xmlns:a16="http://schemas.microsoft.com/office/drawing/2014/main" id="{4DB4C697-BD16-961A-8F86-3EA08712B5C8}"/>
              </a:ext>
            </a:extLst>
          </p:cNvPr>
          <p:cNvSpPr/>
          <p:nvPr/>
        </p:nvSpPr>
        <p:spPr>
          <a:xfrm>
            <a:off x="7779546" y="3875869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1" name="Diagrama de flujo: terminador 160">
            <a:extLst>
              <a:ext uri="{FF2B5EF4-FFF2-40B4-BE49-F238E27FC236}">
                <a16:creationId xmlns:a16="http://schemas.microsoft.com/office/drawing/2014/main" id="{C20FF5E4-A4B1-B551-DECB-2B66A5993464}"/>
              </a:ext>
            </a:extLst>
          </p:cNvPr>
          <p:cNvSpPr/>
          <p:nvPr/>
        </p:nvSpPr>
        <p:spPr>
          <a:xfrm>
            <a:off x="8002469" y="3875869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2" name="Diagrama de flujo: terminador 161">
            <a:extLst>
              <a:ext uri="{FF2B5EF4-FFF2-40B4-BE49-F238E27FC236}">
                <a16:creationId xmlns:a16="http://schemas.microsoft.com/office/drawing/2014/main" id="{A6976932-5380-F183-63CD-8A3F438589F2}"/>
              </a:ext>
            </a:extLst>
          </p:cNvPr>
          <p:cNvSpPr/>
          <p:nvPr/>
        </p:nvSpPr>
        <p:spPr>
          <a:xfrm>
            <a:off x="5077661" y="3875870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3" name="Diagrama de flujo: terminador 162">
            <a:extLst>
              <a:ext uri="{FF2B5EF4-FFF2-40B4-BE49-F238E27FC236}">
                <a16:creationId xmlns:a16="http://schemas.microsoft.com/office/drawing/2014/main" id="{39B26E13-39A9-CFBD-5E2B-5F508EDD25B9}"/>
              </a:ext>
            </a:extLst>
          </p:cNvPr>
          <p:cNvSpPr/>
          <p:nvPr/>
        </p:nvSpPr>
        <p:spPr>
          <a:xfrm>
            <a:off x="6526344" y="3899847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4" name="Diagrama de flujo: terminador 163">
            <a:extLst>
              <a:ext uri="{FF2B5EF4-FFF2-40B4-BE49-F238E27FC236}">
                <a16:creationId xmlns:a16="http://schemas.microsoft.com/office/drawing/2014/main" id="{505EE4ED-FA91-89D7-0911-73D1A50B060D}"/>
              </a:ext>
            </a:extLst>
          </p:cNvPr>
          <p:cNvSpPr/>
          <p:nvPr/>
        </p:nvSpPr>
        <p:spPr>
          <a:xfrm>
            <a:off x="9464093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5" name="Diagrama de flujo: terminador 164">
            <a:extLst>
              <a:ext uri="{FF2B5EF4-FFF2-40B4-BE49-F238E27FC236}">
                <a16:creationId xmlns:a16="http://schemas.microsoft.com/office/drawing/2014/main" id="{9EED7947-1F17-0F80-8416-07879783D3E7}"/>
              </a:ext>
            </a:extLst>
          </p:cNvPr>
          <p:cNvSpPr/>
          <p:nvPr/>
        </p:nvSpPr>
        <p:spPr>
          <a:xfrm>
            <a:off x="8753430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6" name="Diagrama de flujo: terminador 165">
            <a:extLst>
              <a:ext uri="{FF2B5EF4-FFF2-40B4-BE49-F238E27FC236}">
                <a16:creationId xmlns:a16="http://schemas.microsoft.com/office/drawing/2014/main" id="{81E477DF-4048-76C9-E6A3-43F911C3D6DC}"/>
              </a:ext>
            </a:extLst>
          </p:cNvPr>
          <p:cNvSpPr/>
          <p:nvPr/>
        </p:nvSpPr>
        <p:spPr>
          <a:xfrm>
            <a:off x="7314257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7" name="Diagrama de flujo: terminador 166">
            <a:extLst>
              <a:ext uri="{FF2B5EF4-FFF2-40B4-BE49-F238E27FC236}">
                <a16:creationId xmlns:a16="http://schemas.microsoft.com/office/drawing/2014/main" id="{D3E352DF-26A9-D33A-F2B7-9E1CF24CA848}"/>
              </a:ext>
            </a:extLst>
          </p:cNvPr>
          <p:cNvSpPr/>
          <p:nvPr/>
        </p:nvSpPr>
        <p:spPr>
          <a:xfrm>
            <a:off x="10265162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8" name="Diagrama de flujo: terminador 167">
            <a:extLst>
              <a:ext uri="{FF2B5EF4-FFF2-40B4-BE49-F238E27FC236}">
                <a16:creationId xmlns:a16="http://schemas.microsoft.com/office/drawing/2014/main" id="{04C66D9E-E4D3-0F92-F9C4-16B5E6A21B69}"/>
              </a:ext>
            </a:extLst>
          </p:cNvPr>
          <p:cNvSpPr/>
          <p:nvPr/>
        </p:nvSpPr>
        <p:spPr>
          <a:xfrm>
            <a:off x="11608296" y="388945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9" name="Diagrama de flujo: terminador 168">
            <a:extLst>
              <a:ext uri="{FF2B5EF4-FFF2-40B4-BE49-F238E27FC236}">
                <a16:creationId xmlns:a16="http://schemas.microsoft.com/office/drawing/2014/main" id="{7A27F854-3668-0735-1E58-D16213C45BAD}"/>
              </a:ext>
            </a:extLst>
          </p:cNvPr>
          <p:cNvSpPr/>
          <p:nvPr/>
        </p:nvSpPr>
        <p:spPr>
          <a:xfrm>
            <a:off x="10870379" y="389635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71" name="Diagrama de flujo: terminador 170">
            <a:extLst>
              <a:ext uri="{FF2B5EF4-FFF2-40B4-BE49-F238E27FC236}">
                <a16:creationId xmlns:a16="http://schemas.microsoft.com/office/drawing/2014/main" id="{A95AFA83-017F-E714-2081-051D8488FED9}"/>
              </a:ext>
            </a:extLst>
          </p:cNvPr>
          <p:cNvSpPr/>
          <p:nvPr/>
        </p:nvSpPr>
        <p:spPr>
          <a:xfrm>
            <a:off x="10051941" y="3878581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51" name="Diagrama de flujo: terminador 150">
            <a:extLst>
              <a:ext uri="{FF2B5EF4-FFF2-40B4-BE49-F238E27FC236}">
                <a16:creationId xmlns:a16="http://schemas.microsoft.com/office/drawing/2014/main" id="{7A608DC9-509A-797E-26A7-8F31D03D1BE2}"/>
              </a:ext>
            </a:extLst>
          </p:cNvPr>
          <p:cNvSpPr/>
          <p:nvPr/>
        </p:nvSpPr>
        <p:spPr>
          <a:xfrm>
            <a:off x="8215224" y="3882516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79" name="Diagrama de flujo: terminador 178">
            <a:extLst>
              <a:ext uri="{FF2B5EF4-FFF2-40B4-BE49-F238E27FC236}">
                <a16:creationId xmlns:a16="http://schemas.microsoft.com/office/drawing/2014/main" id="{FD23C126-42F1-301B-B5F0-03DD41394B51}"/>
              </a:ext>
            </a:extLst>
          </p:cNvPr>
          <p:cNvSpPr/>
          <p:nvPr/>
        </p:nvSpPr>
        <p:spPr>
          <a:xfrm>
            <a:off x="8001664" y="4599542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highlight>
                <a:srgbClr val="FFCE00"/>
              </a:highlight>
            </a:endParaRPr>
          </a:p>
        </p:txBody>
      </p:sp>
      <p:cxnSp>
        <p:nvCxnSpPr>
          <p:cNvPr id="180" name="Conector recto 179">
            <a:extLst>
              <a:ext uri="{FF2B5EF4-FFF2-40B4-BE49-F238E27FC236}">
                <a16:creationId xmlns:a16="http://schemas.microsoft.com/office/drawing/2014/main" id="{D1F69814-6E59-C70F-05EA-D82FC17D8154}"/>
              </a:ext>
            </a:extLst>
          </p:cNvPr>
          <p:cNvCxnSpPr>
            <a:cxnSpLocks/>
          </p:cNvCxnSpPr>
          <p:nvPr/>
        </p:nvCxnSpPr>
        <p:spPr>
          <a:xfrm flipV="1">
            <a:off x="2390513" y="5226198"/>
            <a:ext cx="9719139" cy="13559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Diagrama de flujo: terminador 180">
            <a:extLst>
              <a:ext uri="{FF2B5EF4-FFF2-40B4-BE49-F238E27FC236}">
                <a16:creationId xmlns:a16="http://schemas.microsoft.com/office/drawing/2014/main" id="{A4275E48-0F34-1921-A13F-748BAF8F4AD0}"/>
              </a:ext>
            </a:extLst>
          </p:cNvPr>
          <p:cNvSpPr/>
          <p:nvPr/>
        </p:nvSpPr>
        <p:spPr>
          <a:xfrm>
            <a:off x="5709434" y="5140384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2" name="Diagrama de flujo: terminador 181">
            <a:extLst>
              <a:ext uri="{FF2B5EF4-FFF2-40B4-BE49-F238E27FC236}">
                <a16:creationId xmlns:a16="http://schemas.microsoft.com/office/drawing/2014/main" id="{22B5045E-A51C-74AE-1FF0-E8C209603FC2}"/>
              </a:ext>
            </a:extLst>
          </p:cNvPr>
          <p:cNvSpPr/>
          <p:nvPr/>
        </p:nvSpPr>
        <p:spPr>
          <a:xfrm>
            <a:off x="5948707" y="512975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3" name="Diagrama de flujo: terminador 182">
            <a:extLst>
              <a:ext uri="{FF2B5EF4-FFF2-40B4-BE49-F238E27FC236}">
                <a16:creationId xmlns:a16="http://schemas.microsoft.com/office/drawing/2014/main" id="{EB95E37E-2112-59BB-0E92-243AC106F88D}"/>
              </a:ext>
            </a:extLst>
          </p:cNvPr>
          <p:cNvSpPr/>
          <p:nvPr/>
        </p:nvSpPr>
        <p:spPr>
          <a:xfrm>
            <a:off x="7781818" y="5133737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4" name="Diagrama de flujo: terminador 183">
            <a:extLst>
              <a:ext uri="{FF2B5EF4-FFF2-40B4-BE49-F238E27FC236}">
                <a16:creationId xmlns:a16="http://schemas.microsoft.com/office/drawing/2014/main" id="{0A39AFAF-1726-FA4A-7590-BB238D8B420A}"/>
              </a:ext>
            </a:extLst>
          </p:cNvPr>
          <p:cNvSpPr/>
          <p:nvPr/>
        </p:nvSpPr>
        <p:spPr>
          <a:xfrm>
            <a:off x="8004741" y="5133737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5" name="Diagrama de flujo: terminador 184">
            <a:extLst>
              <a:ext uri="{FF2B5EF4-FFF2-40B4-BE49-F238E27FC236}">
                <a16:creationId xmlns:a16="http://schemas.microsoft.com/office/drawing/2014/main" id="{2EEA6FCE-3BC8-B18E-ED49-2BD95F15A548}"/>
              </a:ext>
            </a:extLst>
          </p:cNvPr>
          <p:cNvSpPr/>
          <p:nvPr/>
        </p:nvSpPr>
        <p:spPr>
          <a:xfrm>
            <a:off x="5077661" y="5133738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6" name="Diagrama de flujo: terminador 185">
            <a:extLst>
              <a:ext uri="{FF2B5EF4-FFF2-40B4-BE49-F238E27FC236}">
                <a16:creationId xmlns:a16="http://schemas.microsoft.com/office/drawing/2014/main" id="{D284600F-4BC6-C270-C1BF-DE6E01D5FA96}"/>
              </a:ext>
            </a:extLst>
          </p:cNvPr>
          <p:cNvSpPr/>
          <p:nvPr/>
        </p:nvSpPr>
        <p:spPr>
          <a:xfrm>
            <a:off x="6528616" y="5157715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7" name="Diagrama de flujo: terminador 186">
            <a:extLst>
              <a:ext uri="{FF2B5EF4-FFF2-40B4-BE49-F238E27FC236}">
                <a16:creationId xmlns:a16="http://schemas.microsoft.com/office/drawing/2014/main" id="{D01F4E7A-CA05-4C83-1237-B50A973FC32E}"/>
              </a:ext>
            </a:extLst>
          </p:cNvPr>
          <p:cNvSpPr/>
          <p:nvPr/>
        </p:nvSpPr>
        <p:spPr>
          <a:xfrm>
            <a:off x="9466365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8" name="Diagrama de flujo: terminador 187">
            <a:extLst>
              <a:ext uri="{FF2B5EF4-FFF2-40B4-BE49-F238E27FC236}">
                <a16:creationId xmlns:a16="http://schemas.microsoft.com/office/drawing/2014/main" id="{26A3FD88-77F1-5DAA-396D-DA2481035BA6}"/>
              </a:ext>
            </a:extLst>
          </p:cNvPr>
          <p:cNvSpPr/>
          <p:nvPr/>
        </p:nvSpPr>
        <p:spPr>
          <a:xfrm>
            <a:off x="8755702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9" name="Diagrama de flujo: terminador 188">
            <a:extLst>
              <a:ext uri="{FF2B5EF4-FFF2-40B4-BE49-F238E27FC236}">
                <a16:creationId xmlns:a16="http://schemas.microsoft.com/office/drawing/2014/main" id="{2F5666B0-EAD3-BBE1-2D9C-7B817B9033C9}"/>
              </a:ext>
            </a:extLst>
          </p:cNvPr>
          <p:cNvSpPr/>
          <p:nvPr/>
        </p:nvSpPr>
        <p:spPr>
          <a:xfrm>
            <a:off x="7316529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0" name="Diagrama de flujo: terminador 189">
            <a:extLst>
              <a:ext uri="{FF2B5EF4-FFF2-40B4-BE49-F238E27FC236}">
                <a16:creationId xmlns:a16="http://schemas.microsoft.com/office/drawing/2014/main" id="{02B554E5-BAB6-F84A-7B3E-983BF10FB974}"/>
              </a:ext>
            </a:extLst>
          </p:cNvPr>
          <p:cNvSpPr/>
          <p:nvPr/>
        </p:nvSpPr>
        <p:spPr>
          <a:xfrm>
            <a:off x="10267434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1" name="Diagrama de flujo: terminador 190">
            <a:extLst>
              <a:ext uri="{FF2B5EF4-FFF2-40B4-BE49-F238E27FC236}">
                <a16:creationId xmlns:a16="http://schemas.microsoft.com/office/drawing/2014/main" id="{30F7751F-AC10-A136-F5AF-5BCCEA543EAF}"/>
              </a:ext>
            </a:extLst>
          </p:cNvPr>
          <p:cNvSpPr/>
          <p:nvPr/>
        </p:nvSpPr>
        <p:spPr>
          <a:xfrm>
            <a:off x="11610568" y="514732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2" name="Diagrama de flujo: terminador 191">
            <a:extLst>
              <a:ext uri="{FF2B5EF4-FFF2-40B4-BE49-F238E27FC236}">
                <a16:creationId xmlns:a16="http://schemas.microsoft.com/office/drawing/2014/main" id="{7162BA68-1051-69EC-B64B-DF8621FF794F}"/>
              </a:ext>
            </a:extLst>
          </p:cNvPr>
          <p:cNvSpPr/>
          <p:nvPr/>
        </p:nvSpPr>
        <p:spPr>
          <a:xfrm>
            <a:off x="10872651" y="515422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3" name="Diagrama de flujo: terminador 192">
            <a:extLst>
              <a:ext uri="{FF2B5EF4-FFF2-40B4-BE49-F238E27FC236}">
                <a16:creationId xmlns:a16="http://schemas.microsoft.com/office/drawing/2014/main" id="{F4289B35-6027-986F-D6C7-089FD3A3B8C0}"/>
              </a:ext>
            </a:extLst>
          </p:cNvPr>
          <p:cNvSpPr/>
          <p:nvPr/>
        </p:nvSpPr>
        <p:spPr>
          <a:xfrm>
            <a:off x="10054213" y="5136449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4" name="Diagrama de flujo: terminador 193">
            <a:extLst>
              <a:ext uri="{FF2B5EF4-FFF2-40B4-BE49-F238E27FC236}">
                <a16:creationId xmlns:a16="http://schemas.microsoft.com/office/drawing/2014/main" id="{DE72053F-627A-6A34-A254-20DE26EA461F}"/>
              </a:ext>
            </a:extLst>
          </p:cNvPr>
          <p:cNvSpPr/>
          <p:nvPr/>
        </p:nvSpPr>
        <p:spPr>
          <a:xfrm>
            <a:off x="8217496" y="5140384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graphicFrame>
        <p:nvGraphicFramePr>
          <p:cNvPr id="108" name="Table 94">
            <a:extLst>
              <a:ext uri="{FF2B5EF4-FFF2-40B4-BE49-F238E27FC236}">
                <a16:creationId xmlns:a16="http://schemas.microsoft.com/office/drawing/2014/main" id="{4AC2D530-F59F-55BD-46F2-C9604D112BB4}"/>
              </a:ext>
            </a:extLst>
          </p:cNvPr>
          <p:cNvGraphicFramePr>
            <a:graphicFrameLocks noGrp="1"/>
          </p:cNvGraphicFramePr>
          <p:nvPr/>
        </p:nvGraphicFramePr>
        <p:xfrm>
          <a:off x="2327152" y="3031459"/>
          <a:ext cx="984644" cy="2564514"/>
        </p:xfrm>
        <a:graphic>
          <a:graphicData uri="http://schemas.openxmlformats.org/drawingml/2006/table">
            <a:tbl>
              <a:tblPr firstRow="1" bandRow="1">
                <a:tableStyleId>{306799F8-075E-4A3A-A7F6-7FBC6576F1A4}</a:tableStyleId>
              </a:tblPr>
              <a:tblGrid>
                <a:gridCol w="98464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640700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Formulario 1 </a:t>
                      </a:r>
                      <a:r>
                        <a:rPr lang="es-CO" sz="1100" b="0" noProof="0">
                          <a:solidFill>
                            <a:sysClr val="windowText" lastClr="000000"/>
                          </a:solidFill>
                        </a:rPr>
                        <a:t>(actualización PESV)</a:t>
                      </a:r>
                      <a:endParaRPr lang="es-CO" sz="1200" b="0" noProof="0">
                        <a:solidFill>
                          <a:sysClr val="windowText" lastClr="000000"/>
                        </a:solidFill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641557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Indicadores periódicos 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641557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Indicadores acumulados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640700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Evidencias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</a:tbl>
          </a:graphicData>
        </a:graphic>
      </p:graphicFrame>
      <p:sp>
        <p:nvSpPr>
          <p:cNvPr id="210" name="Rectángulo: esquinas redondeadas 209">
            <a:extLst>
              <a:ext uri="{FF2B5EF4-FFF2-40B4-BE49-F238E27FC236}">
                <a16:creationId xmlns:a16="http://schemas.microsoft.com/office/drawing/2014/main" id="{3D56462F-6B1D-1302-7F91-F2D6EE82740E}"/>
              </a:ext>
            </a:extLst>
          </p:cNvPr>
          <p:cNvSpPr/>
          <p:nvPr/>
        </p:nvSpPr>
        <p:spPr>
          <a:xfrm>
            <a:off x="545911" y="1948326"/>
            <a:ext cx="1651380" cy="1198314"/>
          </a:xfrm>
          <a:prstGeom prst="roundRect">
            <a:avLst>
              <a:gd name="adj" fmla="val 44305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100">
                <a:solidFill>
                  <a:schemeClr val="tx1"/>
                </a:solidFill>
              </a:rPr>
              <a:t>Cada anualidad se iniciará un nuevo ciclo de reporte para el seguimiento del PESV</a:t>
            </a:r>
          </a:p>
        </p:txBody>
      </p:sp>
      <p:pic>
        <p:nvPicPr>
          <p:cNvPr id="1026" name="Picture 2" descr="icono actualizar o volver a cargar. Tres flechas redondas de rotación  verdes aisladas sobre blanco. Icono plano. Icono de intercambio. Bueno para  interfaces web y de software. Cíclico Imagen Vector de stock -">
            <a:extLst>
              <a:ext uri="{FF2B5EF4-FFF2-40B4-BE49-F238E27FC236}">
                <a16:creationId xmlns:a16="http://schemas.microsoft.com/office/drawing/2014/main" id="{5F12E729-0DBA-B135-1A96-8C0EF7BB81C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biLevel thresh="75000"/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backgroundRemoval t="26835" b="70216" l="24462" r="70846">
                        <a14:foregroundMark x1="27308" y1="39568" x2="27308" y2="39568"/>
                        <a14:foregroundMark x1="24923" y1="40432" x2="24923" y2="40432"/>
                        <a14:foregroundMark x1="38077" y1="36906" x2="38077" y2="36906"/>
                        <a14:foregroundMark x1="45615" y1="29424" x2="62000" y2="33669"/>
                        <a14:foregroundMark x1="62000" y1="33669" x2="57308" y2="37770"/>
                        <a14:foregroundMark x1="49308" y1="27266" x2="49308" y2="27266"/>
                        <a14:foregroundMark x1="65308" y1="38633" x2="65308" y2="38633"/>
                        <a14:foregroundMark x1="69000" y1="34748" x2="69000" y2="34748"/>
                        <a14:foregroundMark x1="69000" y1="32950" x2="59692" y2="40000"/>
                        <a14:foregroundMark x1="69000" y1="30791" x2="69000" y2="30791"/>
                        <a14:foregroundMark x1="69000" y1="30791" x2="69000" y2="30791"/>
                        <a14:foregroundMark x1="70923" y1="32086" x2="70923" y2="32086"/>
                        <a14:foregroundMark x1="34308" y1="45252" x2="34308" y2="45252"/>
                        <a14:foregroundMark x1="34308" y1="40432" x2="34231" y2="55755"/>
                        <a14:foregroundMark x1="34231" y1="55755" x2="38538" y2="59281"/>
                        <a14:foregroundMark x1="49846" y1="64532" x2="65308" y2="58129"/>
                        <a14:foregroundMark x1="65308" y1="58129" x2="64846" y2="58849"/>
                        <a14:foregroundMark x1="48846" y1="61007" x2="48846" y2="61007"/>
                        <a14:foregroundMark x1="52154" y1="59281" x2="47462" y2="64101"/>
                        <a14:foregroundMark x1="54000" y1="70216" x2="54000" y2="70216"/>
                      </a14:backgroundRemoval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3701" t="24213" r="26521" b="26384"/>
          <a:stretch/>
        </p:blipFill>
        <p:spPr bwMode="auto">
          <a:xfrm>
            <a:off x="120128" y="1562105"/>
            <a:ext cx="474612" cy="4907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1" name="Rectángulo: esquinas redondeadas 210">
            <a:extLst>
              <a:ext uri="{FF2B5EF4-FFF2-40B4-BE49-F238E27FC236}">
                <a16:creationId xmlns:a16="http://schemas.microsoft.com/office/drawing/2014/main" id="{DF9BBDB0-6340-F203-09C9-F7782205EE5E}"/>
              </a:ext>
            </a:extLst>
          </p:cNvPr>
          <p:cNvSpPr/>
          <p:nvPr/>
        </p:nvSpPr>
        <p:spPr>
          <a:xfrm>
            <a:off x="522965" y="3379665"/>
            <a:ext cx="1651380" cy="1198314"/>
          </a:xfrm>
          <a:prstGeom prst="roundRect">
            <a:avLst>
              <a:gd name="adj" fmla="val 44305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100">
                <a:solidFill>
                  <a:schemeClr val="tx1"/>
                </a:solidFill>
              </a:rPr>
              <a:t>El plazo máximo para cada reporte será </a:t>
            </a:r>
            <a:r>
              <a:rPr lang="es-CO" sz="1400" b="1">
                <a:solidFill>
                  <a:schemeClr val="tx1"/>
                </a:solidFill>
              </a:rPr>
              <a:t>el décimo día hábil del mes</a:t>
            </a:r>
            <a:endParaRPr lang="es-CO" sz="1100" b="1">
              <a:solidFill>
                <a:schemeClr val="tx1"/>
              </a:solidFill>
            </a:endParaRPr>
          </a:p>
        </p:txBody>
      </p:sp>
      <p:sp>
        <p:nvSpPr>
          <p:cNvPr id="212" name="Rectángulo: esquinas redondeadas 211">
            <a:extLst>
              <a:ext uri="{FF2B5EF4-FFF2-40B4-BE49-F238E27FC236}">
                <a16:creationId xmlns:a16="http://schemas.microsoft.com/office/drawing/2014/main" id="{AAA1A417-6816-126E-501A-12867C5EC723}"/>
              </a:ext>
            </a:extLst>
          </p:cNvPr>
          <p:cNvSpPr/>
          <p:nvPr/>
        </p:nvSpPr>
        <p:spPr>
          <a:xfrm>
            <a:off x="545910" y="4805609"/>
            <a:ext cx="1628863" cy="1482894"/>
          </a:xfrm>
          <a:prstGeom prst="roundRect">
            <a:avLst>
              <a:gd name="adj" fmla="val 39460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160463"/>
            <a:r>
              <a:rPr lang="es-CO" sz="1100">
                <a:solidFill>
                  <a:schemeClr val="tx1"/>
                </a:solidFill>
              </a:rPr>
              <a:t>Después del primer reporte. la ST habilitará el SISI/PESV </a:t>
            </a:r>
            <a:r>
              <a:rPr lang="es-CO" sz="1200" b="1">
                <a:solidFill>
                  <a:schemeClr val="tx1"/>
                </a:solidFill>
              </a:rPr>
              <a:t>el primer día hábil de cada mes </a:t>
            </a:r>
            <a:r>
              <a:rPr lang="es-CO" sz="1100">
                <a:solidFill>
                  <a:schemeClr val="tx1"/>
                </a:solidFill>
              </a:rPr>
              <a:t>para los respectivos reportes</a:t>
            </a:r>
            <a:endParaRPr lang="es-CO" sz="1100" b="1">
              <a:solidFill>
                <a:schemeClr val="tx1"/>
              </a:solidFill>
            </a:endParaRPr>
          </a:p>
        </p:txBody>
      </p:sp>
      <p:pic>
        <p:nvPicPr>
          <p:cNvPr id="214" name="Gráfico 213" descr="Futuro con relleno sólido">
            <a:extLst>
              <a:ext uri="{FF2B5EF4-FFF2-40B4-BE49-F238E27FC236}">
                <a16:creationId xmlns:a16="http://schemas.microsoft.com/office/drawing/2014/main" id="{AF36E512-EACC-6995-BF0A-BB9790C4A4C5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95756" y="3011084"/>
            <a:ext cx="523356" cy="523356"/>
          </a:xfrm>
          <a:prstGeom prst="rect">
            <a:avLst/>
          </a:prstGeom>
        </p:spPr>
      </p:pic>
      <p:pic>
        <p:nvPicPr>
          <p:cNvPr id="216" name="Gráfico 215" descr="Calendario giratorio con relleno sólido">
            <a:extLst>
              <a:ext uri="{FF2B5EF4-FFF2-40B4-BE49-F238E27FC236}">
                <a16:creationId xmlns:a16="http://schemas.microsoft.com/office/drawing/2014/main" id="{074E13C2-7F12-14D7-FB60-8FA9978C65D3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99827" y="4476166"/>
            <a:ext cx="557996" cy="557996"/>
          </a:xfrm>
          <a:prstGeom prst="rect">
            <a:avLst/>
          </a:prstGeom>
        </p:spPr>
      </p:pic>
      <p:pic>
        <p:nvPicPr>
          <p:cNvPr id="2" name="Imagen 1">
            <a:extLst>
              <a:ext uri="{FF2B5EF4-FFF2-40B4-BE49-F238E27FC236}">
                <a16:creationId xmlns:a16="http://schemas.microsoft.com/office/drawing/2014/main" id="{6E9840D8-30FC-E6C9-C4E2-3374CA611401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9071361" y="-20425"/>
            <a:ext cx="1823688" cy="129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950938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 descr="Forma, Rectángulo&#10;&#10;Descripción generada automáticamente con confianza media">
            <a:extLst>
              <a:ext uri="{FF2B5EF4-FFF2-40B4-BE49-F238E27FC236}">
                <a16:creationId xmlns:a16="http://schemas.microsoft.com/office/drawing/2014/main" id="{95787BDA-6732-66E5-E338-E3ED6953446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2" y="3"/>
            <a:ext cx="12192000" cy="6861127"/>
          </a:xfrm>
          <a:prstGeom prst="rect">
            <a:avLst/>
          </a:prstGeom>
        </p:spPr>
      </p:pic>
      <p:sp>
        <p:nvSpPr>
          <p:cNvPr id="51" name="CuadroTexto 50">
            <a:extLst>
              <a:ext uri="{FF2B5EF4-FFF2-40B4-BE49-F238E27FC236}">
                <a16:creationId xmlns:a16="http://schemas.microsoft.com/office/drawing/2014/main" id="{F2D39E95-F3CA-421B-BBDC-DD6958399C47}"/>
              </a:ext>
            </a:extLst>
          </p:cNvPr>
          <p:cNvSpPr txBox="1"/>
          <p:nvPr/>
        </p:nvSpPr>
        <p:spPr>
          <a:xfrm>
            <a:off x="4566966" y="6617681"/>
            <a:ext cx="305806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5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Nunito"/>
              </a:rPr>
              <a:t>www.supertransporte.gov.co</a:t>
            </a:r>
          </a:p>
        </p:txBody>
      </p:sp>
      <p:pic>
        <p:nvPicPr>
          <p:cNvPr id="5" name="Imagen 4">
            <a:extLst>
              <a:ext uri="{FF2B5EF4-FFF2-40B4-BE49-F238E27FC236}">
                <a16:creationId xmlns:a16="http://schemas.microsoft.com/office/drawing/2014/main" id="{571403F9-5AD7-4E85-E9FE-104A80B2FDF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8750" b="92448" l="16105" r="69839">
                        <a14:foregroundMark x1="26794" y1="45964" x2="22840" y2="46094"/>
                        <a14:foregroundMark x1="22840" y1="46094" x2="19180" y2="51302"/>
                        <a14:foregroundMark x1="19180" y1="51302" x2="17570" y2="59635"/>
                        <a14:foregroundMark x1="17570" y1="59635" x2="20351" y2="65625"/>
                        <a14:foregroundMark x1="20351" y1="65625" x2="24817" y2="67708"/>
                        <a14:foregroundMark x1="24817" y1="67708" x2="29941" y2="65495"/>
                        <a14:foregroundMark x1="29941" y1="65495" x2="29356" y2="52995"/>
                        <a14:foregroundMark x1="29356" y1="52995" x2="24817" y2="48698"/>
                        <a14:foregroundMark x1="24817" y1="48698" x2="22474" y2="58333"/>
                        <a14:foregroundMark x1="22474" y1="58333" x2="25842" y2="52604"/>
                        <a14:foregroundMark x1="25842" y1="52604" x2="24597" y2="52734"/>
                        <a14:foregroundMark x1="18228" y1="50651" x2="18594" y2="58203"/>
                        <a14:foregroundMark x1="18594" y1="58203" x2="24963" y2="59505"/>
                        <a14:foregroundMark x1="24963" y1="59505" x2="21523" y2="51172"/>
                        <a14:foregroundMark x1="21523" y1="51172" x2="20644" y2="55078"/>
                        <a14:foregroundMark x1="23353" y1="62109" x2="27745" y2="58594"/>
                        <a14:foregroundMark x1="27745" y1="58594" x2="23792" y2="61979"/>
                        <a14:foregroundMark x1="23792" y1="61979" x2="23572" y2="61589"/>
                        <a14:foregroundMark x1="25695" y1="24219" x2="29649" y2="24219"/>
                        <a14:foregroundMark x1="29649" y1="24219" x2="25695" y2="22526"/>
                        <a14:foregroundMark x1="25695" y1="22526" x2="25110" y2="24740"/>
                        <a14:foregroundMark x1="27526" y1="72396" x2="32504" y2="83073"/>
                        <a14:foregroundMark x1="32504" y1="83073" x2="34919" y2="84635"/>
                        <a14:foregroundMark x1="32796" y1="75260" x2="26867" y2="70833"/>
                        <a14:foregroundMark x1="26867" y1="70833" x2="25842" y2="81380"/>
                        <a14:foregroundMark x1="25842" y1="81380" x2="30747" y2="84635"/>
                        <a14:foregroundMark x1="30747" y1="84635" x2="33675" y2="84635"/>
                        <a14:foregroundMark x1="34334" y1="77604" x2="34334" y2="77604"/>
                        <a14:foregroundMark x1="33089" y1="74349" x2="26940" y2="70573"/>
                        <a14:foregroundMark x1="26940" y1="70573" x2="25403" y2="78385"/>
                        <a14:foregroundMark x1="25403" y1="78385" x2="25183" y2="88672"/>
                        <a14:foregroundMark x1="25183" y1="88672" x2="30747" y2="87109"/>
                        <a14:foregroundMark x1="30747" y1="87109" x2="35798" y2="88281"/>
                        <a14:foregroundMark x1="59370" y1="22266" x2="59370" y2="22266"/>
                        <a14:foregroundMark x1="62592" y1="23438" x2="57613" y2="23047"/>
                        <a14:foregroundMark x1="57613" y1="23047" x2="53441" y2="26302"/>
                        <a14:foregroundMark x1="53441" y1="26302" x2="58199" y2="31380"/>
                        <a14:foregroundMark x1="58199" y1="31380" x2="64934" y2="30990"/>
                        <a14:foregroundMark x1="64934" y1="30990" x2="58199" y2="23828"/>
                        <a14:foregroundMark x1="58199" y1="23828" x2="53294" y2="25911"/>
                        <a14:foregroundMark x1="53294" y1="25911" x2="51391" y2="32943"/>
                        <a14:foregroundMark x1="51391" y1="32943" x2="59663" y2="33854"/>
                        <a14:foregroundMark x1="59663" y1="33854" x2="65373" y2="31510"/>
                        <a14:foregroundMark x1="65373" y1="31510" x2="64056" y2="21354"/>
                        <a14:foregroundMark x1="64056" y1="21354" x2="51977" y2="21354"/>
                        <a14:foregroundMark x1="51977" y1="21354" x2="48755" y2="27734"/>
                        <a14:foregroundMark x1="48755" y1="27734" x2="47950" y2="27344"/>
                        <a14:foregroundMark x1="54100" y1="32161" x2="54100" y2="32161"/>
                        <a14:foregroundMark x1="65007" y1="50000" x2="67130" y2="44010"/>
                        <a14:foregroundMark x1="67130" y1="44010" x2="62225" y2="42318"/>
                        <a14:foregroundMark x1="62225" y1="42318" x2="58126" y2="43490"/>
                        <a14:foregroundMark x1="58126" y1="43490" x2="56589" y2="50651"/>
                        <a14:foregroundMark x1="56589" y1="50651" x2="63397" y2="53255"/>
                        <a14:foregroundMark x1="63397" y1="53255" x2="69912" y2="51432"/>
                        <a14:foregroundMark x1="69912" y1="51432" x2="63543" y2="44401"/>
                        <a14:foregroundMark x1="63543" y1="44401" x2="59883" y2="48307"/>
                        <a14:foregroundMark x1="59883" y1="48307" x2="57028" y2="48307"/>
                        <a14:foregroundMark x1="66984" y1="62240" x2="62811" y2="63021"/>
                        <a14:foregroundMark x1="62811" y1="63021" x2="67277" y2="64714"/>
                        <a14:foregroundMark x1="67277" y1="64714" x2="56149" y2="65234"/>
                        <a14:foregroundMark x1="56149" y1="65234" x2="55344" y2="65755"/>
                        <a14:foregroundMark x1="55198" y1="65755" x2="55710" y2="69792"/>
                        <a14:foregroundMark x1="55710" y1="62760" x2="55198" y2="63021"/>
                        <a14:foregroundMark x1="55564" y1="61198" x2="55564" y2="61198"/>
                        <a14:foregroundMark x1="55564" y1="46745" x2="55564" y2="46745"/>
                        <a14:foregroundMark x1="55564" y1="46745" x2="55564" y2="46745"/>
                        <a14:foregroundMark x1="55564" y1="46745" x2="55564" y2="46745"/>
                        <a14:foregroundMark x1="58053" y1="80078" x2="49854" y2="82943"/>
                        <a14:foregroundMark x1="49854" y1="82943" x2="54466" y2="87630"/>
                        <a14:foregroundMark x1="54466" y1="87630" x2="58712" y2="86068"/>
                        <a14:foregroundMark x1="58712" y1="86068" x2="53880" y2="81380"/>
                        <a14:foregroundMark x1="53880" y1="81380" x2="50146" y2="86979"/>
                        <a14:foregroundMark x1="50146" y1="86979" x2="60395" y2="88932"/>
                        <a14:foregroundMark x1="60395" y1="88932" x2="57174" y2="79688"/>
                        <a14:foregroundMark x1="57174" y1="79688" x2="50512" y2="79688"/>
                        <a14:foregroundMark x1="50512" y1="79688" x2="48975" y2="86198"/>
                        <a14:foregroundMark x1="48975" y1="86198" x2="47438" y2="84375"/>
                        <a14:foregroundMark x1="55564" y1="59245" x2="56223" y2="66536"/>
                        <a14:foregroundMark x1="56223" y1="66536" x2="55417" y2="70443"/>
                        <a14:foregroundMark x1="54832" y1="46615" x2="56076" y2="53906"/>
                        <a14:foregroundMark x1="56076" y1="53906" x2="56076" y2="54036"/>
                        <a14:foregroundMark x1="51611" y1="62109" x2="51611" y2="62109"/>
                        <a14:foregroundMark x1="50293" y1="61849" x2="46413" y2="30729"/>
                        <a14:foregroundMark x1="46413" y1="30729" x2="37335" y2="24479"/>
                        <a14:foregroundMark x1="37335" y1="24479" x2="32430" y2="25260"/>
                        <a14:foregroundMark x1="32430" y1="25260" x2="28477" y2="28255"/>
                        <a14:foregroundMark x1="28477" y1="28255" x2="19473" y2="47266"/>
                        <a14:foregroundMark x1="19473" y1="47266" x2="17423" y2="60807"/>
                        <a14:foregroundMark x1="17423" y1="60807" x2="18302" y2="78385"/>
                        <a14:foregroundMark x1="18302" y1="78385" x2="28697" y2="86458"/>
                        <a14:foregroundMark x1="28697" y1="86458" x2="48243" y2="87500"/>
                        <a14:foregroundMark x1="48243" y1="87500" x2="54539" y2="83333"/>
                        <a14:foregroundMark x1="54539" y1="83333" x2="60176" y2="61589"/>
                        <a14:foregroundMark x1="60176" y1="61589" x2="58053" y2="43880"/>
                        <a14:foregroundMark x1="58053" y1="43880" x2="55783" y2="36068"/>
                        <a14:foregroundMark x1="55783" y1="36068" x2="54246" y2="33203"/>
                        <a14:foregroundMark x1="45827" y1="20964" x2="23426" y2="21875"/>
                        <a14:foregroundMark x1="23426" y1="21875" x2="20132" y2="32031"/>
                        <a14:foregroundMark x1="20132" y1="32031" x2="17716" y2="81771"/>
                        <a14:foregroundMark x1="17716" y1="81771" x2="24305" y2="85677"/>
                        <a14:foregroundMark x1="24305" y1="85677" x2="29356" y2="92578"/>
                        <a14:foregroundMark x1="29356" y1="92578" x2="34407" y2="93750"/>
                        <a14:foregroundMark x1="34407" y1="93750" x2="30161" y2="94531"/>
                        <a14:foregroundMark x1="30161" y1="94531" x2="33163" y2="89193"/>
                        <a14:foregroundMark x1="33163" y1="89193" x2="38067" y2="87891"/>
                        <a14:foregroundMark x1="38067" y1="87891" x2="40337" y2="88932"/>
                        <a14:foregroundMark x1="18594" y1="37109" x2="18960" y2="23438"/>
                        <a14:foregroundMark x1="48170" y1="20313" x2="20059" y2="20443"/>
                        <a14:foregroundMark x1="20059" y1="20443" x2="16691" y2="29948"/>
                        <a14:foregroundMark x1="16691" y1="29948" x2="16252" y2="42057"/>
                        <a14:foregroundMark x1="16252" y1="42057" x2="18082" y2="35026"/>
                        <a14:foregroundMark x1="18082" y1="35026" x2="17936" y2="24089"/>
                        <a14:foregroundMark x1="17936" y1="24089" x2="21669" y2="21224"/>
                        <a14:foregroundMark x1="17570" y1="46354" x2="18228" y2="55599"/>
                        <a14:foregroundMark x1="18228" y1="55599" x2="16471" y2="72786"/>
                        <a14:foregroundMark x1="16471" y1="72786" x2="18594" y2="89453"/>
                        <a14:foregroundMark x1="18594" y1="89453" x2="37116" y2="90104"/>
                        <a14:foregroundMark x1="37116" y1="90104" x2="42460" y2="89844"/>
                        <a14:foregroundMark x1="42460" y1="89844" x2="45974" y2="89844"/>
                        <a14:foregroundMark x1="61201" y1="76693" x2="61201" y2="76693"/>
                        <a14:foregroundMark x1="58053" y1="75651" x2="62592" y2="76042"/>
                        <a14:foregroundMark x1="62592" y1="76042" x2="63104" y2="83464"/>
                        <a14:foregroundMark x1="63104" y1="83464" x2="62445" y2="88932"/>
                        <a14:foregroundMark x1="62445" y1="90885" x2="62445" y2="90885"/>
                        <a14:foregroundMark x1="62592" y1="88802" x2="62592" y2="91146"/>
                        <a14:foregroundMark x1="57394" y1="37760" x2="61347" y2="37630"/>
                        <a14:foregroundMark x1="61347" y1="37630" x2="57687" y2="37370"/>
                        <a14:foregroundMark x1="47950" y1="92057" x2="56808" y2="92969"/>
                        <a14:foregroundMark x1="56808" y1="92969" x2="61054" y2="92057"/>
                        <a14:foregroundMark x1="61054" y1="92057" x2="62372" y2="92448"/>
                        <a14:foregroundMark x1="17057" y1="90104" x2="17789" y2="66146"/>
                        <a14:foregroundMark x1="17789" y1="66146" x2="16252" y2="47526"/>
                        <a14:foregroundMark x1="16252" y1="47526" x2="17204" y2="22656"/>
                        <a14:foregroundMark x1="17204" y1="22656" x2="27086" y2="18750"/>
                        <a14:foregroundMark x1="27086" y1="18750" x2="48536" y2="20703"/>
                        <a14:foregroundMark x1="17057" y1="20964" x2="16032" y2="30729"/>
                        <a14:foregroundMark x1="16032" y1="30729" x2="16105" y2="23438"/>
                        <a14:foregroundMark x1="16105" y1="23438" x2="17716" y2="21354"/>
                        <a14:foregroundMark x1="16252" y1="56641" x2="16471" y2="89063"/>
                        <a14:foregroundMark x1="16471" y1="89063" x2="16252" y2="88932"/>
                        <a14:foregroundMark x1="21303" y1="55599" x2="29063" y2="58854"/>
                      </a14:backgroundRemoval>
                    </a14:imgEffect>
                  </a14:imgLayer>
                </a14:imgProps>
              </a:ext>
            </a:extLst>
          </a:blip>
          <a:srcRect l="24838" t="18564" r="30336" b="7302"/>
          <a:stretch/>
        </p:blipFill>
        <p:spPr>
          <a:xfrm>
            <a:off x="4299284" y="-7994"/>
            <a:ext cx="6796501" cy="6697838"/>
          </a:xfrm>
          <a:prstGeom prst="rect">
            <a:avLst/>
          </a:prstGeom>
        </p:spPr>
      </p:pic>
      <p:sp>
        <p:nvSpPr>
          <p:cNvPr id="20" name="Elipse 19">
            <a:extLst>
              <a:ext uri="{FF2B5EF4-FFF2-40B4-BE49-F238E27FC236}">
                <a16:creationId xmlns:a16="http://schemas.microsoft.com/office/drawing/2014/main" id="{C39DA8BB-D2CF-2534-EB2D-FE90AE5D21F5}"/>
              </a:ext>
            </a:extLst>
          </p:cNvPr>
          <p:cNvSpPr/>
          <p:nvPr/>
        </p:nvSpPr>
        <p:spPr>
          <a:xfrm>
            <a:off x="3384885" y="2238032"/>
            <a:ext cx="1844842" cy="2197769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C6778A8A-9E32-5712-B098-18577C17AC30}"/>
              </a:ext>
            </a:extLst>
          </p:cNvPr>
          <p:cNvSpPr txBox="1"/>
          <p:nvPr/>
        </p:nvSpPr>
        <p:spPr>
          <a:xfrm>
            <a:off x="459872" y="1905506"/>
            <a:ext cx="3379538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3200" b="1"/>
              <a:t>Definiciones claves para los Planes Estratégicos de Seguridad Vial y su categorización en el PI/PESV</a:t>
            </a:r>
          </a:p>
        </p:txBody>
      </p:sp>
    </p:spTree>
    <p:extLst>
      <p:ext uri="{BB962C8B-B14F-4D97-AF65-F5344CB8AC3E}">
        <p14:creationId xmlns:p14="http://schemas.microsoft.com/office/powerpoint/2010/main" val="20577136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>
            <a:extLst>
              <a:ext uri="{FF2B5EF4-FFF2-40B4-BE49-F238E27FC236}">
                <a16:creationId xmlns:a16="http://schemas.microsoft.com/office/drawing/2014/main" id="{71E32790-832B-5449-7CC0-36D10491367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0"/>
            <a:ext cx="12192001" cy="6858000"/>
          </a:xfrm>
          <a:prstGeom prst="rect">
            <a:avLst/>
          </a:prstGeom>
        </p:spPr>
      </p:pic>
      <p:sp>
        <p:nvSpPr>
          <p:cNvPr id="4" name="Rectángulo 3">
            <a:extLst>
              <a:ext uri="{FF2B5EF4-FFF2-40B4-BE49-F238E27FC236}">
                <a16:creationId xmlns:a16="http://schemas.microsoft.com/office/drawing/2014/main" id="{432EDF05-2DB3-2A45-2F05-37BFB53EA5E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>
              <a:alpha val="64042"/>
            </a:schemeClr>
          </a:solidFill>
        </p:spPr>
        <p:style>
          <a:lnRef idx="2">
            <a:schemeClr val="dk1">
              <a:shade val="15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7E2E2D49-81C3-0992-2344-3C8898A1ED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1000" y="903224"/>
            <a:ext cx="6350000" cy="45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49124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object 3"/>
          <p:cNvGrpSpPr/>
          <p:nvPr/>
        </p:nvGrpSpPr>
        <p:grpSpPr>
          <a:xfrm>
            <a:off x="119072" y="2353444"/>
            <a:ext cx="4205079" cy="3867443"/>
            <a:chOff x="161217" y="2634036"/>
            <a:chExt cx="4205079" cy="3252101"/>
          </a:xfrm>
        </p:grpSpPr>
        <p:pic>
          <p:nvPicPr>
            <p:cNvPr id="4" name="object 4"/>
            <p:cNvPicPr/>
            <p:nvPr/>
          </p:nvPicPr>
          <p:blipFill>
            <a:blip r:embed="rId2" cstate="print"/>
            <a:stretch>
              <a:fillRect/>
            </a:stretch>
          </p:blipFill>
          <p:spPr>
            <a:xfrm>
              <a:off x="161217" y="2634036"/>
              <a:ext cx="2550985" cy="2753931"/>
            </a:xfrm>
            <a:prstGeom prst="rect">
              <a:avLst/>
            </a:prstGeom>
          </p:spPr>
        </p:pic>
        <p:pic>
          <p:nvPicPr>
            <p:cNvPr id="5" name="object 5"/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2599726" y="2642730"/>
              <a:ext cx="1766570" cy="2731108"/>
            </a:xfrm>
            <a:prstGeom prst="rect">
              <a:avLst/>
            </a:prstGeom>
          </p:spPr>
        </p:pic>
        <p:sp>
          <p:nvSpPr>
            <p:cNvPr id="9" name="object 9"/>
            <p:cNvSpPr/>
            <p:nvPr/>
          </p:nvSpPr>
          <p:spPr>
            <a:xfrm>
              <a:off x="212554" y="5415737"/>
              <a:ext cx="4153742" cy="470400"/>
            </a:xfrm>
            <a:custGeom>
              <a:avLst/>
              <a:gdLst/>
              <a:ahLst/>
              <a:cxnLst/>
              <a:rect l="l" t="t" r="r" b="b"/>
              <a:pathLst>
                <a:path w="4550410" h="340995">
                  <a:moveTo>
                    <a:pt x="4427283" y="0"/>
                  </a:moveTo>
                  <a:lnTo>
                    <a:pt x="4427283" y="85172"/>
                  </a:lnTo>
                  <a:lnTo>
                    <a:pt x="122895" y="85172"/>
                  </a:lnTo>
                  <a:lnTo>
                    <a:pt x="122895" y="0"/>
                  </a:lnTo>
                  <a:lnTo>
                    <a:pt x="0" y="170338"/>
                  </a:lnTo>
                  <a:lnTo>
                    <a:pt x="122895" y="340676"/>
                  </a:lnTo>
                  <a:lnTo>
                    <a:pt x="122895" y="255511"/>
                  </a:lnTo>
                  <a:lnTo>
                    <a:pt x="4427283" y="255511"/>
                  </a:lnTo>
                  <a:lnTo>
                    <a:pt x="4427283" y="340676"/>
                  </a:lnTo>
                  <a:lnTo>
                    <a:pt x="4550178" y="170338"/>
                  </a:lnTo>
                  <a:lnTo>
                    <a:pt x="4427283" y="0"/>
                  </a:lnTo>
                  <a:close/>
                </a:path>
              </a:pathLst>
            </a:custGeom>
            <a:solidFill>
              <a:srgbClr val="C00000"/>
            </a:solidFill>
          </p:spPr>
          <p:txBody>
            <a:bodyPr wrap="square" lIns="0" tIns="0" rIns="0" bIns="0" rtlCol="0" anchor="ctr"/>
            <a:lstStyle/>
            <a:p>
              <a:pPr algn="ctr"/>
              <a:r>
                <a:rPr lang="es-ES" sz="1600" b="1">
                  <a:solidFill>
                    <a:schemeClr val="bg1"/>
                  </a:solidFill>
                </a:rPr>
                <a:t>Estabilidad macroeconómica</a:t>
              </a:r>
              <a:endParaRPr sz="1600" b="1">
                <a:solidFill>
                  <a:schemeClr val="bg1"/>
                </a:solidFill>
              </a:endParaRPr>
            </a:p>
          </p:txBody>
        </p:sp>
      </p:grpSp>
      <p:sp>
        <p:nvSpPr>
          <p:cNvPr id="14" name="object 14"/>
          <p:cNvSpPr/>
          <p:nvPr/>
        </p:nvSpPr>
        <p:spPr>
          <a:xfrm>
            <a:off x="189031" y="1567029"/>
            <a:ext cx="4135120" cy="537845"/>
          </a:xfrm>
          <a:custGeom>
            <a:avLst/>
            <a:gdLst/>
            <a:ahLst/>
            <a:cxnLst/>
            <a:rect l="l" t="t" r="r" b="b"/>
            <a:pathLst>
              <a:path w="4135120" h="537844">
                <a:moveTo>
                  <a:pt x="0" y="89577"/>
                </a:moveTo>
                <a:lnTo>
                  <a:pt x="7039" y="54709"/>
                </a:lnTo>
                <a:lnTo>
                  <a:pt x="26236" y="26236"/>
                </a:lnTo>
                <a:lnTo>
                  <a:pt x="54709" y="7039"/>
                </a:lnTo>
                <a:lnTo>
                  <a:pt x="89576" y="0"/>
                </a:lnTo>
                <a:lnTo>
                  <a:pt x="4045158" y="0"/>
                </a:lnTo>
                <a:lnTo>
                  <a:pt x="4080025" y="7039"/>
                </a:lnTo>
                <a:lnTo>
                  <a:pt x="4108498" y="26236"/>
                </a:lnTo>
                <a:lnTo>
                  <a:pt x="4127695" y="54709"/>
                </a:lnTo>
                <a:lnTo>
                  <a:pt x="4134735" y="89577"/>
                </a:lnTo>
                <a:lnTo>
                  <a:pt x="4134735" y="447885"/>
                </a:lnTo>
                <a:lnTo>
                  <a:pt x="4127695" y="482752"/>
                </a:lnTo>
                <a:lnTo>
                  <a:pt x="4108498" y="511225"/>
                </a:lnTo>
                <a:lnTo>
                  <a:pt x="4080025" y="530422"/>
                </a:lnTo>
                <a:lnTo>
                  <a:pt x="4045158" y="537462"/>
                </a:lnTo>
                <a:lnTo>
                  <a:pt x="89576" y="537462"/>
                </a:lnTo>
                <a:lnTo>
                  <a:pt x="54709" y="530422"/>
                </a:lnTo>
                <a:lnTo>
                  <a:pt x="26236" y="511225"/>
                </a:lnTo>
                <a:lnTo>
                  <a:pt x="7039" y="482752"/>
                </a:lnTo>
                <a:lnTo>
                  <a:pt x="0" y="447885"/>
                </a:lnTo>
                <a:lnTo>
                  <a:pt x="0" y="89577"/>
                </a:lnTo>
                <a:close/>
              </a:path>
            </a:pathLst>
          </a:custGeom>
          <a:solidFill>
            <a:srgbClr val="D9723E"/>
          </a:solidFill>
          <a:ln w="12700">
            <a:solidFill>
              <a:srgbClr val="ED7D31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object 15"/>
          <p:cNvSpPr txBox="1"/>
          <p:nvPr/>
        </p:nvSpPr>
        <p:spPr>
          <a:xfrm>
            <a:off x="527611" y="1627417"/>
            <a:ext cx="3457575" cy="385445"/>
          </a:xfrm>
          <a:prstGeom prst="rect">
            <a:avLst/>
          </a:prstGeom>
        </p:spPr>
        <p:txBody>
          <a:bodyPr vert="horz" wrap="square" lIns="0" tIns="23495" rIns="0" bIns="0" rtlCol="0">
            <a:spAutoFit/>
          </a:bodyPr>
          <a:lstStyle/>
          <a:p>
            <a:pPr marL="12700" marR="5080" indent="219710">
              <a:lnSpc>
                <a:spcPts val="1390"/>
              </a:lnSpc>
              <a:spcBef>
                <a:spcPts val="185"/>
              </a:spcBef>
            </a:pPr>
            <a:r>
              <a:rPr sz="1200" b="1" spc="30">
                <a:solidFill>
                  <a:schemeClr val="bg1"/>
                </a:solidFill>
                <a:latin typeface="Trebuchet MS"/>
                <a:cs typeface="Trebuchet MS"/>
              </a:rPr>
              <a:t>Plan </a:t>
            </a:r>
            <a:r>
              <a:rPr sz="1200" b="1" spc="5">
                <a:solidFill>
                  <a:schemeClr val="bg1"/>
                </a:solidFill>
                <a:latin typeface="Trebuchet MS"/>
                <a:cs typeface="Trebuchet MS"/>
              </a:rPr>
              <a:t>Nacional </a:t>
            </a:r>
            <a:r>
              <a:rPr sz="1200" b="1" spc="-10">
                <a:solidFill>
                  <a:schemeClr val="bg1"/>
                </a:solidFill>
                <a:latin typeface="Trebuchet MS"/>
                <a:cs typeface="Trebuchet MS"/>
              </a:rPr>
              <a:t>de </a:t>
            </a:r>
            <a:r>
              <a:rPr sz="1200" b="1" spc="15">
                <a:solidFill>
                  <a:schemeClr val="bg1"/>
                </a:solidFill>
                <a:latin typeface="Trebuchet MS"/>
                <a:cs typeface="Trebuchet MS"/>
              </a:rPr>
              <a:t>Desarrollo </a:t>
            </a:r>
            <a:r>
              <a:rPr sz="1200" b="1" spc="155">
                <a:solidFill>
                  <a:schemeClr val="bg1"/>
                </a:solidFill>
                <a:latin typeface="Trebuchet MS"/>
                <a:cs typeface="Trebuchet MS"/>
              </a:rPr>
              <a:t>– </a:t>
            </a:r>
            <a:r>
              <a:rPr sz="1200" b="1" spc="30">
                <a:solidFill>
                  <a:schemeClr val="bg1"/>
                </a:solidFill>
                <a:latin typeface="Trebuchet MS"/>
                <a:cs typeface="Trebuchet MS"/>
              </a:rPr>
              <a:t>2022- </a:t>
            </a:r>
            <a:r>
              <a:rPr sz="1200" b="1" spc="20">
                <a:solidFill>
                  <a:schemeClr val="bg1"/>
                </a:solidFill>
                <a:latin typeface="Trebuchet MS"/>
                <a:cs typeface="Trebuchet MS"/>
              </a:rPr>
              <a:t>2026 </a:t>
            </a:r>
            <a:r>
              <a:rPr sz="1200" b="1" spc="2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50">
                <a:solidFill>
                  <a:schemeClr val="bg1"/>
                </a:solidFill>
                <a:latin typeface="Trebuchet MS"/>
                <a:cs typeface="Trebuchet MS"/>
              </a:rPr>
              <a:t>“COLOMBIA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60">
                <a:solidFill>
                  <a:schemeClr val="bg1"/>
                </a:solidFill>
                <a:latin typeface="Trebuchet MS"/>
                <a:cs typeface="Trebuchet MS"/>
              </a:rPr>
              <a:t>POTENCIA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80">
                <a:solidFill>
                  <a:schemeClr val="bg1"/>
                </a:solidFill>
                <a:latin typeface="Trebuchet MS"/>
                <a:cs typeface="Trebuchet MS"/>
              </a:rPr>
              <a:t>MUNDIAL</a:t>
            </a:r>
            <a:r>
              <a:rPr sz="1200" b="1" spc="-3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85">
                <a:solidFill>
                  <a:schemeClr val="bg1"/>
                </a:solidFill>
                <a:latin typeface="Trebuchet MS"/>
                <a:cs typeface="Trebuchet MS"/>
              </a:rPr>
              <a:t>DE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70">
                <a:solidFill>
                  <a:schemeClr val="bg1"/>
                </a:solidFill>
                <a:latin typeface="Trebuchet MS"/>
                <a:cs typeface="Trebuchet MS"/>
              </a:rPr>
              <a:t>LA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-75">
                <a:solidFill>
                  <a:schemeClr val="bg1"/>
                </a:solidFill>
                <a:latin typeface="Trebuchet MS"/>
                <a:cs typeface="Trebuchet MS"/>
              </a:rPr>
              <a:t>VIDA</a:t>
            </a:r>
            <a:r>
              <a:rPr sz="1200" b="1" spc="-75">
                <a:solidFill>
                  <a:schemeClr val="bg1"/>
                </a:solidFill>
                <a:latin typeface="SimSun"/>
                <a:cs typeface="SimSun"/>
              </a:rPr>
              <a:t>”</a:t>
            </a:r>
            <a:endParaRPr sz="1200" b="1">
              <a:solidFill>
                <a:schemeClr val="bg1"/>
              </a:solidFill>
              <a:latin typeface="SimSun"/>
              <a:cs typeface="SimSun"/>
            </a:endParaRPr>
          </a:p>
        </p:txBody>
      </p:sp>
      <p:grpSp>
        <p:nvGrpSpPr>
          <p:cNvPr id="16" name="object 16"/>
          <p:cNvGrpSpPr/>
          <p:nvPr/>
        </p:nvGrpSpPr>
        <p:grpSpPr>
          <a:xfrm>
            <a:off x="5037864" y="1581092"/>
            <a:ext cx="2990215" cy="550545"/>
            <a:chOff x="5335614" y="1758506"/>
            <a:chExt cx="2990215" cy="550545"/>
          </a:xfrm>
          <a:solidFill>
            <a:srgbClr val="D9723E"/>
          </a:solidFill>
        </p:grpSpPr>
        <p:sp>
          <p:nvSpPr>
            <p:cNvPr id="17" name="object 17"/>
            <p:cNvSpPr/>
            <p:nvPr/>
          </p:nvSpPr>
          <p:spPr>
            <a:xfrm>
              <a:off x="5341964" y="1764856"/>
              <a:ext cx="2977515" cy="537845"/>
            </a:xfrm>
            <a:custGeom>
              <a:avLst/>
              <a:gdLst/>
              <a:ahLst/>
              <a:cxnLst/>
              <a:rect l="l" t="t" r="r" b="b"/>
              <a:pathLst>
                <a:path w="2977515" h="537844">
                  <a:moveTo>
                    <a:pt x="2887675" y="0"/>
                  </a:moveTo>
                  <a:lnTo>
                    <a:pt x="89578" y="0"/>
                  </a:lnTo>
                  <a:lnTo>
                    <a:pt x="54710" y="7039"/>
                  </a:lnTo>
                  <a:lnTo>
                    <a:pt x="26236" y="26236"/>
                  </a:lnTo>
                  <a:lnTo>
                    <a:pt x="7039" y="54710"/>
                  </a:lnTo>
                  <a:lnTo>
                    <a:pt x="0" y="89578"/>
                  </a:lnTo>
                  <a:lnTo>
                    <a:pt x="0" y="447884"/>
                  </a:lnTo>
                  <a:lnTo>
                    <a:pt x="7039" y="482751"/>
                  </a:lnTo>
                  <a:lnTo>
                    <a:pt x="26236" y="511224"/>
                  </a:lnTo>
                  <a:lnTo>
                    <a:pt x="54710" y="530422"/>
                  </a:lnTo>
                  <a:lnTo>
                    <a:pt x="89578" y="537461"/>
                  </a:lnTo>
                  <a:lnTo>
                    <a:pt x="2887675" y="537461"/>
                  </a:lnTo>
                  <a:lnTo>
                    <a:pt x="2922542" y="530422"/>
                  </a:lnTo>
                  <a:lnTo>
                    <a:pt x="2951016" y="511224"/>
                  </a:lnTo>
                  <a:lnTo>
                    <a:pt x="2970213" y="482751"/>
                  </a:lnTo>
                  <a:lnTo>
                    <a:pt x="2977253" y="447884"/>
                  </a:lnTo>
                  <a:lnTo>
                    <a:pt x="2977253" y="89578"/>
                  </a:lnTo>
                  <a:lnTo>
                    <a:pt x="2970213" y="54710"/>
                  </a:lnTo>
                  <a:lnTo>
                    <a:pt x="2951016" y="26236"/>
                  </a:lnTo>
                  <a:lnTo>
                    <a:pt x="2922542" y="7039"/>
                  </a:lnTo>
                  <a:lnTo>
                    <a:pt x="2887675" y="0"/>
                  </a:lnTo>
                  <a:close/>
                </a:path>
              </a:pathLst>
            </a:custGeom>
            <a:grpFill/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8" name="object 18"/>
            <p:cNvSpPr/>
            <p:nvPr/>
          </p:nvSpPr>
          <p:spPr>
            <a:xfrm>
              <a:off x="5341964" y="1764856"/>
              <a:ext cx="2977515" cy="537845"/>
            </a:xfrm>
            <a:custGeom>
              <a:avLst/>
              <a:gdLst/>
              <a:ahLst/>
              <a:cxnLst/>
              <a:rect l="l" t="t" r="r" b="b"/>
              <a:pathLst>
                <a:path w="2977515" h="537844">
                  <a:moveTo>
                    <a:pt x="0" y="89578"/>
                  </a:moveTo>
                  <a:lnTo>
                    <a:pt x="7039" y="54710"/>
                  </a:lnTo>
                  <a:lnTo>
                    <a:pt x="26236" y="26236"/>
                  </a:lnTo>
                  <a:lnTo>
                    <a:pt x="54710" y="7039"/>
                  </a:lnTo>
                  <a:lnTo>
                    <a:pt x="89578" y="0"/>
                  </a:lnTo>
                  <a:lnTo>
                    <a:pt x="2887675" y="0"/>
                  </a:lnTo>
                  <a:lnTo>
                    <a:pt x="2922543" y="7039"/>
                  </a:lnTo>
                  <a:lnTo>
                    <a:pt x="2951016" y="26236"/>
                  </a:lnTo>
                  <a:lnTo>
                    <a:pt x="2970213" y="54710"/>
                  </a:lnTo>
                  <a:lnTo>
                    <a:pt x="2977253" y="89578"/>
                  </a:lnTo>
                  <a:lnTo>
                    <a:pt x="2977253" y="447883"/>
                  </a:lnTo>
                  <a:lnTo>
                    <a:pt x="2970213" y="482751"/>
                  </a:lnTo>
                  <a:lnTo>
                    <a:pt x="2951016" y="511225"/>
                  </a:lnTo>
                  <a:lnTo>
                    <a:pt x="2922543" y="530422"/>
                  </a:lnTo>
                  <a:lnTo>
                    <a:pt x="2887675" y="537462"/>
                  </a:lnTo>
                  <a:lnTo>
                    <a:pt x="89578" y="537462"/>
                  </a:lnTo>
                  <a:lnTo>
                    <a:pt x="54710" y="530422"/>
                  </a:lnTo>
                  <a:lnTo>
                    <a:pt x="26236" y="511225"/>
                  </a:lnTo>
                  <a:lnTo>
                    <a:pt x="7039" y="482751"/>
                  </a:lnTo>
                  <a:lnTo>
                    <a:pt x="0" y="447883"/>
                  </a:lnTo>
                  <a:lnTo>
                    <a:pt x="0" y="89578"/>
                  </a:lnTo>
                  <a:close/>
                </a:path>
              </a:pathLst>
            </a:custGeom>
            <a:grpFill/>
            <a:ln w="12700">
              <a:solidFill>
                <a:srgbClr val="ED7D31"/>
              </a:solidFill>
            </a:ln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19" name="object 19"/>
          <p:cNvSpPr txBox="1"/>
          <p:nvPr/>
        </p:nvSpPr>
        <p:spPr>
          <a:xfrm>
            <a:off x="5179468" y="1730857"/>
            <a:ext cx="2707005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Líneas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err="1">
                <a:solidFill>
                  <a:schemeClr val="bg1"/>
                </a:solidFill>
                <a:latin typeface="Trebuchet MS"/>
                <a:cs typeface="Trebuchet MS"/>
              </a:rPr>
              <a:t>estratégicas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>
                <a:solidFill>
                  <a:schemeClr val="bg1"/>
                </a:solidFill>
                <a:latin typeface="Trebuchet MS"/>
                <a:cs typeface="Trebuchet MS"/>
              </a:rPr>
              <a:t>Sector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Transporte</a:t>
            </a:r>
            <a:endParaRPr sz="1200">
              <a:solidFill>
                <a:schemeClr val="bg1"/>
              </a:solidFill>
              <a:latin typeface="Trebuchet MS"/>
              <a:cs typeface="Trebuchet MS"/>
            </a:endParaRPr>
          </a:p>
        </p:txBody>
      </p:sp>
      <p:grpSp>
        <p:nvGrpSpPr>
          <p:cNvPr id="20" name="object 20"/>
          <p:cNvGrpSpPr/>
          <p:nvPr/>
        </p:nvGrpSpPr>
        <p:grpSpPr>
          <a:xfrm>
            <a:off x="8818565" y="1554329"/>
            <a:ext cx="3112135" cy="550545"/>
            <a:chOff x="8830160" y="1751525"/>
            <a:chExt cx="3112135" cy="550545"/>
          </a:xfrm>
          <a:solidFill>
            <a:srgbClr val="D9723E"/>
          </a:solidFill>
        </p:grpSpPr>
        <p:sp>
          <p:nvSpPr>
            <p:cNvPr id="21" name="object 21"/>
            <p:cNvSpPr/>
            <p:nvPr/>
          </p:nvSpPr>
          <p:spPr>
            <a:xfrm>
              <a:off x="8836510" y="1757875"/>
              <a:ext cx="3099435" cy="537845"/>
            </a:xfrm>
            <a:custGeom>
              <a:avLst/>
              <a:gdLst/>
              <a:ahLst/>
              <a:cxnLst/>
              <a:rect l="l" t="t" r="r" b="b"/>
              <a:pathLst>
                <a:path w="3099434" h="537844">
                  <a:moveTo>
                    <a:pt x="3009451" y="0"/>
                  </a:moveTo>
                  <a:lnTo>
                    <a:pt x="89578" y="0"/>
                  </a:lnTo>
                  <a:lnTo>
                    <a:pt x="54710" y="7039"/>
                  </a:lnTo>
                  <a:lnTo>
                    <a:pt x="26236" y="26236"/>
                  </a:lnTo>
                  <a:lnTo>
                    <a:pt x="7039" y="54710"/>
                  </a:lnTo>
                  <a:lnTo>
                    <a:pt x="0" y="89578"/>
                  </a:lnTo>
                  <a:lnTo>
                    <a:pt x="0" y="447883"/>
                  </a:lnTo>
                  <a:lnTo>
                    <a:pt x="7039" y="482751"/>
                  </a:lnTo>
                  <a:lnTo>
                    <a:pt x="26236" y="511224"/>
                  </a:lnTo>
                  <a:lnTo>
                    <a:pt x="54710" y="530421"/>
                  </a:lnTo>
                  <a:lnTo>
                    <a:pt x="89578" y="537461"/>
                  </a:lnTo>
                  <a:lnTo>
                    <a:pt x="3009451" y="537461"/>
                  </a:lnTo>
                  <a:lnTo>
                    <a:pt x="3044319" y="530421"/>
                  </a:lnTo>
                  <a:lnTo>
                    <a:pt x="3072793" y="511224"/>
                  </a:lnTo>
                  <a:lnTo>
                    <a:pt x="3091990" y="482751"/>
                  </a:lnTo>
                  <a:lnTo>
                    <a:pt x="3099029" y="447883"/>
                  </a:lnTo>
                  <a:lnTo>
                    <a:pt x="3099029" y="89578"/>
                  </a:lnTo>
                  <a:lnTo>
                    <a:pt x="3091990" y="54710"/>
                  </a:lnTo>
                  <a:lnTo>
                    <a:pt x="3072793" y="26236"/>
                  </a:lnTo>
                  <a:lnTo>
                    <a:pt x="3044319" y="7039"/>
                  </a:lnTo>
                  <a:lnTo>
                    <a:pt x="3009451" y="0"/>
                  </a:lnTo>
                  <a:close/>
                </a:path>
              </a:pathLst>
            </a:custGeom>
            <a:grpFill/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22" name="object 22"/>
            <p:cNvSpPr/>
            <p:nvPr/>
          </p:nvSpPr>
          <p:spPr>
            <a:xfrm>
              <a:off x="8836510" y="1757875"/>
              <a:ext cx="3099435" cy="537845"/>
            </a:xfrm>
            <a:custGeom>
              <a:avLst/>
              <a:gdLst/>
              <a:ahLst/>
              <a:cxnLst/>
              <a:rect l="l" t="t" r="r" b="b"/>
              <a:pathLst>
                <a:path w="3099434" h="537844">
                  <a:moveTo>
                    <a:pt x="0" y="89578"/>
                  </a:moveTo>
                  <a:lnTo>
                    <a:pt x="7039" y="54710"/>
                  </a:lnTo>
                  <a:lnTo>
                    <a:pt x="26236" y="26236"/>
                  </a:lnTo>
                  <a:lnTo>
                    <a:pt x="54710" y="7039"/>
                  </a:lnTo>
                  <a:lnTo>
                    <a:pt x="89578" y="0"/>
                  </a:lnTo>
                  <a:lnTo>
                    <a:pt x="3009452" y="0"/>
                  </a:lnTo>
                  <a:lnTo>
                    <a:pt x="3044319" y="7039"/>
                  </a:lnTo>
                  <a:lnTo>
                    <a:pt x="3072793" y="26236"/>
                  </a:lnTo>
                  <a:lnTo>
                    <a:pt x="3091990" y="54710"/>
                  </a:lnTo>
                  <a:lnTo>
                    <a:pt x="3099030" y="89578"/>
                  </a:lnTo>
                  <a:lnTo>
                    <a:pt x="3099030" y="447883"/>
                  </a:lnTo>
                  <a:lnTo>
                    <a:pt x="3091990" y="482751"/>
                  </a:lnTo>
                  <a:lnTo>
                    <a:pt x="3072793" y="511225"/>
                  </a:lnTo>
                  <a:lnTo>
                    <a:pt x="3044319" y="530422"/>
                  </a:lnTo>
                  <a:lnTo>
                    <a:pt x="3009452" y="537462"/>
                  </a:lnTo>
                  <a:lnTo>
                    <a:pt x="89578" y="537462"/>
                  </a:lnTo>
                  <a:lnTo>
                    <a:pt x="54710" y="530422"/>
                  </a:lnTo>
                  <a:lnTo>
                    <a:pt x="26236" y="511225"/>
                  </a:lnTo>
                  <a:lnTo>
                    <a:pt x="7039" y="482751"/>
                  </a:lnTo>
                  <a:lnTo>
                    <a:pt x="0" y="447883"/>
                  </a:lnTo>
                  <a:lnTo>
                    <a:pt x="0" y="89578"/>
                  </a:lnTo>
                  <a:close/>
                </a:path>
              </a:pathLst>
            </a:custGeom>
            <a:grpFill/>
            <a:ln w="12700">
              <a:solidFill>
                <a:srgbClr val="ED7D31"/>
              </a:solidFill>
            </a:ln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23" name="object 23"/>
          <p:cNvSpPr txBox="1"/>
          <p:nvPr/>
        </p:nvSpPr>
        <p:spPr>
          <a:xfrm>
            <a:off x="8929893" y="1713392"/>
            <a:ext cx="2859405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Objetivos</a:t>
            </a:r>
            <a:r>
              <a:rPr sz="1200" b="1" spc="-3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5" err="1">
                <a:solidFill>
                  <a:schemeClr val="bg1"/>
                </a:solidFill>
                <a:latin typeface="Trebuchet MS"/>
                <a:cs typeface="Trebuchet MS"/>
              </a:rPr>
              <a:t>Estratégicos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err="1">
                <a:solidFill>
                  <a:schemeClr val="bg1"/>
                </a:solidFill>
                <a:latin typeface="Trebuchet MS"/>
                <a:cs typeface="Trebuchet MS"/>
              </a:rPr>
              <a:t>SuperTransporte</a:t>
            </a:r>
            <a:endParaRPr sz="1200">
              <a:solidFill>
                <a:schemeClr val="bg1"/>
              </a:solidFill>
              <a:latin typeface="Trebuchet MS"/>
              <a:cs typeface="Trebuchet MS"/>
            </a:endParaRPr>
          </a:p>
        </p:txBody>
      </p:sp>
      <p:pic>
        <p:nvPicPr>
          <p:cNvPr id="80" name="Imagen 79">
            <a:extLst>
              <a:ext uri="{FF2B5EF4-FFF2-40B4-BE49-F238E27FC236}">
                <a16:creationId xmlns:a16="http://schemas.microsoft.com/office/drawing/2014/main" id="{B14F24DE-9596-C4AE-6722-F1E0F206CD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1046" y="336570"/>
            <a:ext cx="1795393" cy="624045"/>
          </a:xfrm>
          <a:prstGeom prst="rect">
            <a:avLst/>
          </a:prstGeom>
        </p:spPr>
      </p:pic>
      <p:pic>
        <p:nvPicPr>
          <p:cNvPr id="81" name="Imagen 80">
            <a:extLst>
              <a:ext uri="{FF2B5EF4-FFF2-40B4-BE49-F238E27FC236}">
                <a16:creationId xmlns:a16="http://schemas.microsoft.com/office/drawing/2014/main" id="{2174F20E-40C2-1834-6DB3-03EAC49D909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33933" y="208475"/>
            <a:ext cx="1255365" cy="888159"/>
          </a:xfrm>
          <a:prstGeom prst="rect">
            <a:avLst/>
          </a:prstGeom>
        </p:spPr>
      </p:pic>
      <p:sp>
        <p:nvSpPr>
          <p:cNvPr id="82" name="Rectángulo 81">
            <a:extLst>
              <a:ext uri="{FF2B5EF4-FFF2-40B4-BE49-F238E27FC236}">
                <a16:creationId xmlns:a16="http://schemas.microsoft.com/office/drawing/2014/main" id="{8A7D635D-7940-E432-ED25-BEA1A0B8C534}"/>
              </a:ext>
            </a:extLst>
          </p:cNvPr>
          <p:cNvSpPr/>
          <p:nvPr/>
        </p:nvSpPr>
        <p:spPr>
          <a:xfrm>
            <a:off x="21364" y="6600847"/>
            <a:ext cx="12170636" cy="257153"/>
          </a:xfrm>
          <a:prstGeom prst="rect">
            <a:avLst/>
          </a:prstGeom>
          <a:solidFill>
            <a:srgbClr val="D9723E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83" name="CuadroTexto 82">
            <a:extLst>
              <a:ext uri="{FF2B5EF4-FFF2-40B4-BE49-F238E27FC236}">
                <a16:creationId xmlns:a16="http://schemas.microsoft.com/office/drawing/2014/main" id="{2A5AD336-7A66-DA00-A2AB-A0D8CC2D8A14}"/>
              </a:ext>
            </a:extLst>
          </p:cNvPr>
          <p:cNvSpPr txBox="1"/>
          <p:nvPr/>
        </p:nvSpPr>
        <p:spPr>
          <a:xfrm>
            <a:off x="5026700" y="6567827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pic>
        <p:nvPicPr>
          <p:cNvPr id="144" name="Imagen 143">
            <a:extLst>
              <a:ext uri="{FF2B5EF4-FFF2-40B4-BE49-F238E27FC236}">
                <a16:creationId xmlns:a16="http://schemas.microsoft.com/office/drawing/2014/main" id="{ADA052D6-3208-DD92-B76E-E09F188AEE0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16304" y="3258903"/>
            <a:ext cx="3745544" cy="1933278"/>
          </a:xfrm>
          <a:prstGeom prst="rect">
            <a:avLst/>
          </a:prstGeom>
        </p:spPr>
      </p:pic>
      <p:pic>
        <p:nvPicPr>
          <p:cNvPr id="172" name="Imagen 171">
            <a:extLst>
              <a:ext uri="{FF2B5EF4-FFF2-40B4-BE49-F238E27FC236}">
                <a16:creationId xmlns:a16="http://schemas.microsoft.com/office/drawing/2014/main" id="{6971E1B2-C1EF-526B-92F0-BF7B097E11E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454001" y="2232886"/>
            <a:ext cx="3716635" cy="4213254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DBA3A713-E421-1915-B602-CAC3CF2C4333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3854" b="7202"/>
          <a:stretch/>
        </p:blipFill>
        <p:spPr>
          <a:xfrm>
            <a:off x="8820069" y="202849"/>
            <a:ext cx="1823688" cy="1025060"/>
          </a:xfrm>
          <a:prstGeom prst="rect">
            <a:avLst/>
          </a:prstGeom>
        </p:spPr>
      </p:pic>
      <p:sp>
        <p:nvSpPr>
          <p:cNvPr id="2" name="TextBox 43">
            <a:extLst>
              <a:ext uri="{FF2B5EF4-FFF2-40B4-BE49-F238E27FC236}">
                <a16:creationId xmlns:a16="http://schemas.microsoft.com/office/drawing/2014/main" id="{552CA809-1371-DC51-D5EB-26BEAB58D02F}"/>
              </a:ext>
            </a:extLst>
          </p:cNvPr>
          <p:cNvSpPr txBox="1"/>
          <p:nvPr/>
        </p:nvSpPr>
        <p:spPr>
          <a:xfrm>
            <a:off x="2186439" y="270337"/>
            <a:ext cx="6896601" cy="6220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5246"/>
              </a:lnSpc>
            </a:pPr>
            <a:r>
              <a:rPr lang="en-US" sz="3600" err="1">
                <a:solidFill>
                  <a:srgbClr val="000000"/>
                </a:solidFill>
                <a:latin typeface="Raleway Heavy"/>
              </a:rPr>
              <a:t>Alineación</a:t>
            </a:r>
            <a:r>
              <a:rPr lang="en-US" sz="3600">
                <a:solidFill>
                  <a:srgbClr val="000000"/>
                </a:solidFill>
                <a:latin typeface="Raleway Heavy"/>
              </a:rPr>
              <a:t> </a:t>
            </a:r>
            <a:r>
              <a:rPr lang="en-US" sz="3600" err="1">
                <a:solidFill>
                  <a:srgbClr val="000000"/>
                </a:solidFill>
                <a:latin typeface="Raleway Heavy"/>
              </a:rPr>
              <a:t>Estratégica</a:t>
            </a:r>
            <a:r>
              <a:rPr lang="en-US" sz="3600">
                <a:solidFill>
                  <a:srgbClr val="000000"/>
                </a:solidFill>
                <a:latin typeface="Raleway Heavy"/>
              </a:rPr>
              <a:t> Sectorial</a:t>
            </a:r>
          </a:p>
        </p:txBody>
      </p:sp>
    </p:spTree>
    <p:extLst>
      <p:ext uri="{BB962C8B-B14F-4D97-AF65-F5344CB8AC3E}">
        <p14:creationId xmlns:p14="http://schemas.microsoft.com/office/powerpoint/2010/main" val="39492841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9B7D73-7015-C289-8499-FC9F1676F2D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0" name="Group 3">
            <a:extLst>
              <a:ext uri="{FF2B5EF4-FFF2-40B4-BE49-F238E27FC236}">
                <a16:creationId xmlns:a16="http://schemas.microsoft.com/office/drawing/2014/main" id="{616FA8E2-DC32-C0DF-97A4-51622FBCFB85}"/>
              </a:ext>
            </a:extLst>
          </p:cNvPr>
          <p:cNvGrpSpPr/>
          <p:nvPr/>
        </p:nvGrpSpPr>
        <p:grpSpPr>
          <a:xfrm>
            <a:off x="-1" y="6588330"/>
            <a:ext cx="12192001" cy="295071"/>
            <a:chOff x="0" y="0"/>
            <a:chExt cx="5103511" cy="116571"/>
          </a:xfrm>
        </p:grpSpPr>
        <p:sp>
          <p:nvSpPr>
            <p:cNvPr id="47" name="Freeform 4">
              <a:extLst>
                <a:ext uri="{FF2B5EF4-FFF2-40B4-BE49-F238E27FC236}">
                  <a16:creationId xmlns:a16="http://schemas.microsoft.com/office/drawing/2014/main" id="{BE1097A2-27E8-F02C-880F-10E8BCE6F517}"/>
                </a:ext>
              </a:extLst>
            </p:cNvPr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TextBox 5">
              <a:extLst>
                <a:ext uri="{FF2B5EF4-FFF2-40B4-BE49-F238E27FC236}">
                  <a16:creationId xmlns:a16="http://schemas.microsoft.com/office/drawing/2014/main" id="{5EF81622-FA26-443E-60C5-E9D5A357BB51}"/>
                </a:ext>
              </a:extLst>
            </p:cNvPr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2136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2" name="Group 2">
            <a:extLst>
              <a:ext uri="{FF2B5EF4-FFF2-40B4-BE49-F238E27FC236}">
                <a16:creationId xmlns:a16="http://schemas.microsoft.com/office/drawing/2014/main" id="{DC02A56F-3836-C350-8027-D6CEB14BB38E}"/>
              </a:ext>
            </a:extLst>
          </p:cNvPr>
          <p:cNvGrpSpPr/>
          <p:nvPr/>
        </p:nvGrpSpPr>
        <p:grpSpPr>
          <a:xfrm>
            <a:off x="3869036" y="173228"/>
            <a:ext cx="4563998" cy="677512"/>
            <a:chOff x="0" y="0"/>
            <a:chExt cx="1395171" cy="267659"/>
          </a:xfrm>
        </p:grpSpPr>
        <p:sp>
          <p:nvSpPr>
            <p:cNvPr id="3" name="Freeform 3">
              <a:extLst>
                <a:ext uri="{FF2B5EF4-FFF2-40B4-BE49-F238E27FC236}">
                  <a16:creationId xmlns:a16="http://schemas.microsoft.com/office/drawing/2014/main" id="{3D9BF4B1-FECA-2B85-A567-DC87700BDE63}"/>
                </a:ext>
              </a:extLst>
            </p:cNvPr>
            <p:cNvSpPr/>
            <p:nvPr/>
          </p:nvSpPr>
          <p:spPr>
            <a:xfrm>
              <a:off x="0" y="0"/>
              <a:ext cx="1395171" cy="267659"/>
            </a:xfrm>
            <a:custGeom>
              <a:avLst/>
              <a:gdLst/>
              <a:ahLst/>
              <a:cxnLst/>
              <a:rect l="l" t="t" r="r" b="b"/>
              <a:pathLst>
                <a:path w="1395171" h="267659">
                  <a:moveTo>
                    <a:pt x="73988" y="0"/>
                  </a:moveTo>
                  <a:lnTo>
                    <a:pt x="1321183" y="0"/>
                  </a:lnTo>
                  <a:cubicBezTo>
                    <a:pt x="1340806" y="0"/>
                    <a:pt x="1359625" y="7795"/>
                    <a:pt x="1373500" y="21671"/>
                  </a:cubicBezTo>
                  <a:cubicBezTo>
                    <a:pt x="1387376" y="35546"/>
                    <a:pt x="1395171" y="54365"/>
                    <a:pt x="1395171" y="73988"/>
                  </a:cubicBezTo>
                  <a:lnTo>
                    <a:pt x="1395171" y="193671"/>
                  </a:lnTo>
                  <a:cubicBezTo>
                    <a:pt x="1395171" y="213294"/>
                    <a:pt x="1387376" y="232113"/>
                    <a:pt x="1373500" y="245988"/>
                  </a:cubicBezTo>
                  <a:cubicBezTo>
                    <a:pt x="1359625" y="259864"/>
                    <a:pt x="1340806" y="267659"/>
                    <a:pt x="1321183" y="267659"/>
                  </a:cubicBezTo>
                  <a:lnTo>
                    <a:pt x="73988" y="267659"/>
                  </a:lnTo>
                  <a:cubicBezTo>
                    <a:pt x="54365" y="267659"/>
                    <a:pt x="35546" y="259864"/>
                    <a:pt x="21671" y="245988"/>
                  </a:cubicBezTo>
                  <a:cubicBezTo>
                    <a:pt x="7795" y="232113"/>
                    <a:pt x="0" y="213294"/>
                    <a:pt x="0" y="193671"/>
                  </a:cubicBezTo>
                  <a:lnTo>
                    <a:pt x="0" y="73988"/>
                  </a:lnTo>
                  <a:cubicBezTo>
                    <a:pt x="0" y="54365"/>
                    <a:pt x="7795" y="35546"/>
                    <a:pt x="21671" y="21671"/>
                  </a:cubicBezTo>
                  <a:cubicBezTo>
                    <a:pt x="35546" y="7795"/>
                    <a:pt x="54365" y="0"/>
                    <a:pt x="73988" y="0"/>
                  </a:cubicBezTo>
                  <a:close/>
                </a:path>
              </a:pathLst>
            </a:custGeom>
            <a:solidFill>
              <a:srgbClr val="CF6207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" name="TextBox 4">
              <a:extLst>
                <a:ext uri="{FF2B5EF4-FFF2-40B4-BE49-F238E27FC236}">
                  <a16:creationId xmlns:a16="http://schemas.microsoft.com/office/drawing/2014/main" id="{42BC98B2-DE40-5786-696B-352DC26A97DE}"/>
                </a:ext>
              </a:extLst>
            </p:cNvPr>
            <p:cNvSpPr txBox="1"/>
            <p:nvPr/>
          </p:nvSpPr>
          <p:spPr>
            <a:xfrm>
              <a:off x="0" y="-47625"/>
              <a:ext cx="1395171" cy="315284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232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659" b="0" i="0" u="none" strike="noStrike" kern="1200" cap="none" spc="12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stema de Control y Vigilancia </a:t>
              </a:r>
            </a:p>
          </p:txBody>
        </p:sp>
      </p:grpSp>
      <p:sp>
        <p:nvSpPr>
          <p:cNvPr id="8" name="Freeform 8">
            <a:extLst>
              <a:ext uri="{FF2B5EF4-FFF2-40B4-BE49-F238E27FC236}">
                <a16:creationId xmlns:a16="http://schemas.microsoft.com/office/drawing/2014/main" id="{CA23AA97-C8CC-4D8D-9F0F-3CCF5CCB213F}"/>
              </a:ext>
            </a:extLst>
          </p:cNvPr>
          <p:cNvSpPr/>
          <p:nvPr/>
        </p:nvSpPr>
        <p:spPr>
          <a:xfrm>
            <a:off x="105886" y="81971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Freeform 9">
            <a:extLst>
              <a:ext uri="{FF2B5EF4-FFF2-40B4-BE49-F238E27FC236}">
                <a16:creationId xmlns:a16="http://schemas.microsoft.com/office/drawing/2014/main" id="{441BF163-767F-D31D-92AD-FA71C07CD2E8}"/>
              </a:ext>
            </a:extLst>
          </p:cNvPr>
          <p:cNvSpPr/>
          <p:nvPr/>
        </p:nvSpPr>
        <p:spPr>
          <a:xfrm>
            <a:off x="10732043" y="188121"/>
            <a:ext cx="1214729" cy="890247"/>
          </a:xfrm>
          <a:custGeom>
            <a:avLst/>
            <a:gdLst/>
            <a:ahLst/>
            <a:cxnLst/>
            <a:rect l="l" t="t" r="r" b="b"/>
            <a:pathLst>
              <a:path w="1822093" h="1335370">
                <a:moveTo>
                  <a:pt x="0" y="0"/>
                </a:moveTo>
                <a:lnTo>
                  <a:pt x="1822093" y="0"/>
                </a:lnTo>
                <a:lnTo>
                  <a:pt x="1822093" y="1335370"/>
                </a:lnTo>
                <a:lnTo>
                  <a:pt x="0" y="1335370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AutoShape 11">
            <a:extLst>
              <a:ext uri="{FF2B5EF4-FFF2-40B4-BE49-F238E27FC236}">
                <a16:creationId xmlns:a16="http://schemas.microsoft.com/office/drawing/2014/main" id="{32B3E05E-C6A5-E022-55BC-CF9EE945D015}"/>
              </a:ext>
            </a:extLst>
          </p:cNvPr>
          <p:cNvSpPr/>
          <p:nvPr/>
        </p:nvSpPr>
        <p:spPr>
          <a:xfrm>
            <a:off x="6151035" y="850740"/>
            <a:ext cx="0" cy="32685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AutoShape 12">
            <a:extLst>
              <a:ext uri="{FF2B5EF4-FFF2-40B4-BE49-F238E27FC236}">
                <a16:creationId xmlns:a16="http://schemas.microsoft.com/office/drawing/2014/main" id="{5F590CB4-5E2A-84AB-A802-9B4793D47395}"/>
              </a:ext>
            </a:extLst>
          </p:cNvPr>
          <p:cNvSpPr/>
          <p:nvPr/>
        </p:nvSpPr>
        <p:spPr>
          <a:xfrm>
            <a:off x="1942574" y="1161261"/>
            <a:ext cx="6626753" cy="1725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" name="Freeform 14">
            <a:extLst>
              <a:ext uri="{FF2B5EF4-FFF2-40B4-BE49-F238E27FC236}">
                <a16:creationId xmlns:a16="http://schemas.microsoft.com/office/drawing/2014/main" id="{C822F146-56F2-EAFB-D358-28F522B3722B}"/>
              </a:ext>
            </a:extLst>
          </p:cNvPr>
          <p:cNvSpPr/>
          <p:nvPr/>
        </p:nvSpPr>
        <p:spPr>
          <a:xfrm>
            <a:off x="241988" y="1543956"/>
            <a:ext cx="3531526" cy="749891"/>
          </a:xfrm>
          <a:custGeom>
            <a:avLst/>
            <a:gdLst/>
            <a:ahLst/>
            <a:cxnLst/>
            <a:rect l="l" t="t" r="r" b="b"/>
            <a:pathLst>
              <a:path w="1395171" h="296253">
                <a:moveTo>
                  <a:pt x="74536" y="0"/>
                </a:moveTo>
                <a:lnTo>
                  <a:pt x="1320635" y="0"/>
                </a:lnTo>
                <a:cubicBezTo>
                  <a:pt x="1340403" y="0"/>
                  <a:pt x="1359361" y="7853"/>
                  <a:pt x="1373340" y="21831"/>
                </a:cubicBezTo>
                <a:cubicBezTo>
                  <a:pt x="1387318" y="35809"/>
                  <a:pt x="1395171" y="54768"/>
                  <a:pt x="1395171" y="74536"/>
                </a:cubicBezTo>
                <a:lnTo>
                  <a:pt x="1395171" y="221717"/>
                </a:lnTo>
                <a:cubicBezTo>
                  <a:pt x="1395171" y="241485"/>
                  <a:pt x="1387318" y="260444"/>
                  <a:pt x="1373340" y="274422"/>
                </a:cubicBezTo>
                <a:cubicBezTo>
                  <a:pt x="1359361" y="288400"/>
                  <a:pt x="1340403" y="296253"/>
                  <a:pt x="1320635" y="296253"/>
                </a:cubicBezTo>
                <a:lnTo>
                  <a:pt x="74536" y="296253"/>
                </a:lnTo>
                <a:cubicBezTo>
                  <a:pt x="54768" y="296253"/>
                  <a:pt x="35809" y="288400"/>
                  <a:pt x="21831" y="274422"/>
                </a:cubicBezTo>
                <a:cubicBezTo>
                  <a:pt x="7853" y="260444"/>
                  <a:pt x="0" y="241485"/>
                  <a:pt x="0" y="221717"/>
                </a:cubicBezTo>
                <a:lnTo>
                  <a:pt x="0" y="74536"/>
                </a:lnTo>
                <a:cubicBezTo>
                  <a:pt x="0" y="54768"/>
                  <a:pt x="7853" y="35809"/>
                  <a:pt x="21831" y="21831"/>
                </a:cubicBezTo>
                <a:cubicBezTo>
                  <a:pt x="35809" y="7853"/>
                  <a:pt x="54768" y="0"/>
                  <a:pt x="74536" y="0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ts val="1763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200" b="0" i="0" u="none" strike="noStrike" kern="1200" cap="none" spc="94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Open Sans Bold"/>
                <a:ea typeface="+mn-ea"/>
                <a:cs typeface="+mn-cs"/>
              </a:rPr>
              <a:t>INTRUSIVO</a:t>
            </a:r>
          </a:p>
          <a:p>
            <a:pPr marL="0" marR="0" lvl="0" indent="0" algn="ctr" defTabSz="914400" rtl="0" eaLnBrk="1" fontAlgn="auto" latinLnBrk="0" hangingPunct="1">
              <a:lnSpc>
                <a:spcPts val="1763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200" b="0" i="0" u="none" strike="noStrike" kern="1200" cap="none" spc="94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Open Sans Bold"/>
                <a:ea typeface="+mn-ea"/>
                <a:cs typeface="+mn-cs"/>
              </a:rPr>
              <a:t>(VIC basada en Tecnología en campo)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6" name="Group 16">
            <a:extLst>
              <a:ext uri="{FF2B5EF4-FFF2-40B4-BE49-F238E27FC236}">
                <a16:creationId xmlns:a16="http://schemas.microsoft.com/office/drawing/2014/main" id="{32C78388-6A5D-F493-4615-6ACC23EBD83A}"/>
              </a:ext>
            </a:extLst>
          </p:cNvPr>
          <p:cNvGrpSpPr/>
          <p:nvPr/>
        </p:nvGrpSpPr>
        <p:grpSpPr>
          <a:xfrm>
            <a:off x="7107750" y="1465745"/>
            <a:ext cx="3531526" cy="846331"/>
            <a:chOff x="0" y="-38100"/>
            <a:chExt cx="1395171" cy="334353"/>
          </a:xfrm>
        </p:grpSpPr>
        <p:sp>
          <p:nvSpPr>
            <p:cNvPr id="17" name="Freeform 17">
              <a:extLst>
                <a:ext uri="{FF2B5EF4-FFF2-40B4-BE49-F238E27FC236}">
                  <a16:creationId xmlns:a16="http://schemas.microsoft.com/office/drawing/2014/main" id="{36283828-45D0-2713-BE9D-EDC94A88EB27}"/>
                </a:ext>
              </a:extLst>
            </p:cNvPr>
            <p:cNvSpPr/>
            <p:nvPr/>
          </p:nvSpPr>
          <p:spPr>
            <a:xfrm>
              <a:off x="0" y="0"/>
              <a:ext cx="1395171" cy="296253"/>
            </a:xfrm>
            <a:custGeom>
              <a:avLst/>
              <a:gdLst/>
              <a:ahLst/>
              <a:cxnLst/>
              <a:rect l="l" t="t" r="r" b="b"/>
              <a:pathLst>
                <a:path w="1395171" h="296253">
                  <a:moveTo>
                    <a:pt x="74536" y="0"/>
                  </a:moveTo>
                  <a:lnTo>
                    <a:pt x="1320635" y="0"/>
                  </a:lnTo>
                  <a:cubicBezTo>
                    <a:pt x="1340403" y="0"/>
                    <a:pt x="1359361" y="7853"/>
                    <a:pt x="1373340" y="21831"/>
                  </a:cubicBezTo>
                  <a:cubicBezTo>
                    <a:pt x="1387318" y="35809"/>
                    <a:pt x="1395171" y="54768"/>
                    <a:pt x="1395171" y="74536"/>
                  </a:cubicBezTo>
                  <a:lnTo>
                    <a:pt x="1395171" y="221717"/>
                  </a:lnTo>
                  <a:cubicBezTo>
                    <a:pt x="1395171" y="241485"/>
                    <a:pt x="1387318" y="260444"/>
                    <a:pt x="1373340" y="274422"/>
                  </a:cubicBezTo>
                  <a:cubicBezTo>
                    <a:pt x="1359361" y="288400"/>
                    <a:pt x="1340403" y="296253"/>
                    <a:pt x="1320635" y="296253"/>
                  </a:cubicBezTo>
                  <a:lnTo>
                    <a:pt x="74536" y="296253"/>
                  </a:lnTo>
                  <a:cubicBezTo>
                    <a:pt x="54768" y="296253"/>
                    <a:pt x="35809" y="288400"/>
                    <a:pt x="21831" y="274422"/>
                  </a:cubicBezTo>
                  <a:cubicBezTo>
                    <a:pt x="7853" y="260444"/>
                    <a:pt x="0" y="241485"/>
                    <a:pt x="0" y="221717"/>
                  </a:cubicBezTo>
                  <a:lnTo>
                    <a:pt x="0" y="74536"/>
                  </a:lnTo>
                  <a:cubicBezTo>
                    <a:pt x="0" y="54768"/>
                    <a:pt x="7853" y="35809"/>
                    <a:pt x="21831" y="21831"/>
                  </a:cubicBezTo>
                  <a:cubicBezTo>
                    <a:pt x="35809" y="7853"/>
                    <a:pt x="54768" y="0"/>
                    <a:pt x="74536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chemeClr val="tx1">
                  <a:lumMod val="95000"/>
                  <a:lumOff val="5000"/>
                </a:schemeClr>
              </a:solidFill>
            </a:ln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8" name="TextBox 18">
              <a:extLst>
                <a:ext uri="{FF2B5EF4-FFF2-40B4-BE49-F238E27FC236}">
                  <a16:creationId xmlns:a16="http://schemas.microsoft.com/office/drawing/2014/main" id="{E91DFA12-31A9-7CF9-60B4-56FB190783F1}"/>
                </a:ext>
              </a:extLst>
            </p:cNvPr>
            <p:cNvSpPr txBox="1"/>
            <p:nvPr/>
          </p:nvSpPr>
          <p:spPr>
            <a:xfrm>
              <a:off x="0" y="-38100"/>
              <a:ext cx="1395171" cy="33435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NO INTRUSIVO</a:t>
              </a:r>
            </a:p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(VIC basada en Analítica de Datos) </a:t>
              </a:r>
            </a:p>
          </p:txBody>
        </p:sp>
      </p:grpSp>
      <p:sp>
        <p:nvSpPr>
          <p:cNvPr id="21" name="AutoShape 21">
            <a:extLst>
              <a:ext uri="{FF2B5EF4-FFF2-40B4-BE49-F238E27FC236}">
                <a16:creationId xmlns:a16="http://schemas.microsoft.com/office/drawing/2014/main" id="{B6953412-5DF3-18BB-2CD8-B578E6EC4CFE}"/>
              </a:ext>
            </a:extLst>
          </p:cNvPr>
          <p:cNvSpPr/>
          <p:nvPr/>
        </p:nvSpPr>
        <p:spPr>
          <a:xfrm flipH="1">
            <a:off x="666221" y="2339375"/>
            <a:ext cx="0" cy="2810947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22" name="Group 22">
            <a:extLst>
              <a:ext uri="{FF2B5EF4-FFF2-40B4-BE49-F238E27FC236}">
                <a16:creationId xmlns:a16="http://schemas.microsoft.com/office/drawing/2014/main" id="{55938F7B-AB63-F95F-F305-71B10830F30E}"/>
              </a:ext>
            </a:extLst>
          </p:cNvPr>
          <p:cNvGrpSpPr/>
          <p:nvPr/>
        </p:nvGrpSpPr>
        <p:grpSpPr>
          <a:xfrm>
            <a:off x="1027474" y="2673818"/>
            <a:ext cx="1104701" cy="539473"/>
            <a:chOff x="0" y="0"/>
            <a:chExt cx="436425" cy="213125"/>
          </a:xfrm>
        </p:grpSpPr>
        <p:sp>
          <p:nvSpPr>
            <p:cNvPr id="23" name="Freeform 23">
              <a:extLst>
                <a:ext uri="{FF2B5EF4-FFF2-40B4-BE49-F238E27FC236}">
                  <a16:creationId xmlns:a16="http://schemas.microsoft.com/office/drawing/2014/main" id="{EF342A33-93F9-6D84-0AAC-EAAE1AEA9F6A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TextBox 24">
              <a:extLst>
                <a:ext uri="{FF2B5EF4-FFF2-40B4-BE49-F238E27FC236}">
                  <a16:creationId xmlns:a16="http://schemas.microsoft.com/office/drawing/2014/main" id="{0B0BE76F-9E14-DBA7-B69A-1C7928CAA0EF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DA</a:t>
              </a:r>
            </a:p>
          </p:txBody>
        </p:sp>
      </p:grpSp>
      <p:grpSp>
        <p:nvGrpSpPr>
          <p:cNvPr id="25" name="Group 25">
            <a:extLst>
              <a:ext uri="{FF2B5EF4-FFF2-40B4-BE49-F238E27FC236}">
                <a16:creationId xmlns:a16="http://schemas.microsoft.com/office/drawing/2014/main" id="{CCB2D3DB-6BB2-5477-C93B-4B959D2498FC}"/>
              </a:ext>
            </a:extLst>
          </p:cNvPr>
          <p:cNvGrpSpPr/>
          <p:nvPr/>
        </p:nvGrpSpPr>
        <p:grpSpPr>
          <a:xfrm>
            <a:off x="1004652" y="3426015"/>
            <a:ext cx="1104701" cy="539473"/>
            <a:chOff x="0" y="0"/>
            <a:chExt cx="436425" cy="213125"/>
          </a:xfrm>
        </p:grpSpPr>
        <p:sp>
          <p:nvSpPr>
            <p:cNvPr id="26" name="Freeform 26">
              <a:extLst>
                <a:ext uri="{FF2B5EF4-FFF2-40B4-BE49-F238E27FC236}">
                  <a16:creationId xmlns:a16="http://schemas.microsoft.com/office/drawing/2014/main" id="{A7C00014-C9E8-D819-727B-012B851A91DF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TextBox 27">
              <a:extLst>
                <a:ext uri="{FF2B5EF4-FFF2-40B4-BE49-F238E27FC236}">
                  <a16:creationId xmlns:a16="http://schemas.microsoft.com/office/drawing/2014/main" id="{8BE1EB2E-0E7A-9740-8B58-CC0D813C0DB3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RC</a:t>
              </a:r>
            </a:p>
          </p:txBody>
        </p:sp>
      </p:grpSp>
      <p:grpSp>
        <p:nvGrpSpPr>
          <p:cNvPr id="28" name="Group 28">
            <a:extLst>
              <a:ext uri="{FF2B5EF4-FFF2-40B4-BE49-F238E27FC236}">
                <a16:creationId xmlns:a16="http://schemas.microsoft.com/office/drawing/2014/main" id="{FEEF974A-D75C-1CE0-9CA4-79581850538D}"/>
              </a:ext>
            </a:extLst>
          </p:cNvPr>
          <p:cNvGrpSpPr/>
          <p:nvPr/>
        </p:nvGrpSpPr>
        <p:grpSpPr>
          <a:xfrm>
            <a:off x="1004652" y="4144264"/>
            <a:ext cx="1104701" cy="539473"/>
            <a:chOff x="0" y="0"/>
            <a:chExt cx="436425" cy="213125"/>
          </a:xfrm>
        </p:grpSpPr>
        <p:sp>
          <p:nvSpPr>
            <p:cNvPr id="29" name="Freeform 29">
              <a:extLst>
                <a:ext uri="{FF2B5EF4-FFF2-40B4-BE49-F238E27FC236}">
                  <a16:creationId xmlns:a16="http://schemas.microsoft.com/office/drawing/2014/main" id="{79D9AEB9-48E7-AB3F-C116-94B291671C61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" name="TextBox 30">
              <a:extLst>
                <a:ext uri="{FF2B5EF4-FFF2-40B4-BE49-F238E27FC236}">
                  <a16:creationId xmlns:a16="http://schemas.microsoft.com/office/drawing/2014/main" id="{662359A5-C493-12FA-1ECE-10EF205B6816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EA</a:t>
              </a:r>
            </a:p>
          </p:txBody>
        </p:sp>
      </p:grpSp>
      <p:grpSp>
        <p:nvGrpSpPr>
          <p:cNvPr id="31" name="Group 31">
            <a:extLst>
              <a:ext uri="{FF2B5EF4-FFF2-40B4-BE49-F238E27FC236}">
                <a16:creationId xmlns:a16="http://schemas.microsoft.com/office/drawing/2014/main" id="{65589283-610F-FAFF-110D-65B5F5D216B8}"/>
              </a:ext>
            </a:extLst>
          </p:cNvPr>
          <p:cNvGrpSpPr/>
          <p:nvPr/>
        </p:nvGrpSpPr>
        <p:grpSpPr>
          <a:xfrm>
            <a:off x="1004652" y="4880586"/>
            <a:ext cx="1104701" cy="539473"/>
            <a:chOff x="0" y="0"/>
            <a:chExt cx="436425" cy="213125"/>
          </a:xfrm>
        </p:grpSpPr>
        <p:sp>
          <p:nvSpPr>
            <p:cNvPr id="32" name="Freeform 32">
              <a:extLst>
                <a:ext uri="{FF2B5EF4-FFF2-40B4-BE49-F238E27FC236}">
                  <a16:creationId xmlns:a16="http://schemas.microsoft.com/office/drawing/2014/main" id="{0AB9AE04-7F1F-6092-B4FE-C8D38147D8A6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" name="TextBox 33">
              <a:extLst>
                <a:ext uri="{FF2B5EF4-FFF2-40B4-BE49-F238E27FC236}">
                  <a16:creationId xmlns:a16="http://schemas.microsoft.com/office/drawing/2014/main" id="{088352F9-05FA-EBFA-F1E1-42BED3603AC8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IA</a:t>
              </a:r>
            </a:p>
          </p:txBody>
        </p:sp>
      </p:grpSp>
      <p:sp>
        <p:nvSpPr>
          <p:cNvPr id="34" name="AutoShape 34">
            <a:extLst>
              <a:ext uri="{FF2B5EF4-FFF2-40B4-BE49-F238E27FC236}">
                <a16:creationId xmlns:a16="http://schemas.microsoft.com/office/drawing/2014/main" id="{C1857E1B-6947-72A4-58E4-BE2CF8ED3157}"/>
              </a:ext>
            </a:extLst>
          </p:cNvPr>
          <p:cNvSpPr/>
          <p:nvPr/>
        </p:nvSpPr>
        <p:spPr>
          <a:xfrm flipV="1">
            <a:off x="689044" y="2943551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5" name="AutoShape 35">
            <a:extLst>
              <a:ext uri="{FF2B5EF4-FFF2-40B4-BE49-F238E27FC236}">
                <a16:creationId xmlns:a16="http://schemas.microsoft.com/office/drawing/2014/main" id="{231C772B-248C-DAE4-6148-68994DB13A6C}"/>
              </a:ext>
            </a:extLst>
          </p:cNvPr>
          <p:cNvSpPr/>
          <p:nvPr/>
        </p:nvSpPr>
        <p:spPr>
          <a:xfrm flipV="1">
            <a:off x="666224" y="3679874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AutoShape 36">
            <a:extLst>
              <a:ext uri="{FF2B5EF4-FFF2-40B4-BE49-F238E27FC236}">
                <a16:creationId xmlns:a16="http://schemas.microsoft.com/office/drawing/2014/main" id="{9C70B4CE-4229-FCB1-8931-59E9720DDC42}"/>
              </a:ext>
            </a:extLst>
          </p:cNvPr>
          <p:cNvSpPr/>
          <p:nvPr/>
        </p:nvSpPr>
        <p:spPr>
          <a:xfrm flipV="1">
            <a:off x="689044" y="4413997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7" name="AutoShape 37">
            <a:extLst>
              <a:ext uri="{FF2B5EF4-FFF2-40B4-BE49-F238E27FC236}">
                <a16:creationId xmlns:a16="http://schemas.microsoft.com/office/drawing/2014/main" id="{106A0BA4-13CC-7620-48AA-4CF7A9DD3487}"/>
              </a:ext>
            </a:extLst>
          </p:cNvPr>
          <p:cNvSpPr/>
          <p:nvPr/>
        </p:nvSpPr>
        <p:spPr>
          <a:xfrm flipV="1">
            <a:off x="666224" y="5166195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0" name="AutoShape 50">
            <a:extLst>
              <a:ext uri="{FF2B5EF4-FFF2-40B4-BE49-F238E27FC236}">
                <a16:creationId xmlns:a16="http://schemas.microsoft.com/office/drawing/2014/main" id="{3C2A4C47-01C2-E4FE-34FF-3D7A2C07BBC2}"/>
              </a:ext>
            </a:extLst>
          </p:cNvPr>
          <p:cNvSpPr/>
          <p:nvPr/>
        </p:nvSpPr>
        <p:spPr>
          <a:xfrm>
            <a:off x="8229587" y="2312076"/>
            <a:ext cx="14212" cy="394600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2" name="AutoShape 52">
            <a:extLst>
              <a:ext uri="{FF2B5EF4-FFF2-40B4-BE49-F238E27FC236}">
                <a16:creationId xmlns:a16="http://schemas.microsoft.com/office/drawing/2014/main" id="{EFDE9974-E842-A53D-CB9B-1F1AD5692C22}"/>
              </a:ext>
            </a:extLst>
          </p:cNvPr>
          <p:cNvSpPr/>
          <p:nvPr/>
        </p:nvSpPr>
        <p:spPr>
          <a:xfrm>
            <a:off x="7349846" y="2870202"/>
            <a:ext cx="879757" cy="585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59" name="Group 59">
            <a:extLst>
              <a:ext uri="{FF2B5EF4-FFF2-40B4-BE49-F238E27FC236}">
                <a16:creationId xmlns:a16="http://schemas.microsoft.com/office/drawing/2014/main" id="{73DBF4AA-ABE3-3FA6-B755-336C4095E2D7}"/>
              </a:ext>
            </a:extLst>
          </p:cNvPr>
          <p:cNvGrpSpPr/>
          <p:nvPr/>
        </p:nvGrpSpPr>
        <p:grpSpPr>
          <a:xfrm>
            <a:off x="8727329" y="2493939"/>
            <a:ext cx="3083885" cy="371911"/>
            <a:chOff x="0" y="0"/>
            <a:chExt cx="1082939" cy="172517"/>
          </a:xfrm>
        </p:grpSpPr>
        <p:sp>
          <p:nvSpPr>
            <p:cNvPr id="60" name="Freeform 60">
              <a:extLst>
                <a:ext uri="{FF2B5EF4-FFF2-40B4-BE49-F238E27FC236}">
                  <a16:creationId xmlns:a16="http://schemas.microsoft.com/office/drawing/2014/main" id="{C6364E3D-8405-92A2-F43A-7934C5A08833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TextBox 61">
              <a:extLst>
                <a:ext uri="{FF2B5EF4-FFF2-40B4-BE49-F238E27FC236}">
                  <a16:creationId xmlns:a16="http://schemas.microsoft.com/office/drawing/2014/main" id="{E433E4F9-B4BB-67CC-81F8-B8D9151920F2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IUIT - DIGITAL</a:t>
              </a:r>
            </a:p>
          </p:txBody>
        </p:sp>
      </p:grpSp>
      <p:sp>
        <p:nvSpPr>
          <p:cNvPr id="97" name="Freeform 97">
            <a:extLst>
              <a:ext uri="{FF2B5EF4-FFF2-40B4-BE49-F238E27FC236}">
                <a16:creationId xmlns:a16="http://schemas.microsoft.com/office/drawing/2014/main" id="{9A8473B6-9C72-B7D7-B79A-11DC0EA3C7A9}"/>
              </a:ext>
            </a:extLst>
          </p:cNvPr>
          <p:cNvSpPr/>
          <p:nvPr/>
        </p:nvSpPr>
        <p:spPr>
          <a:xfrm>
            <a:off x="2336284" y="2617696"/>
            <a:ext cx="747701" cy="625350"/>
          </a:xfrm>
          <a:custGeom>
            <a:avLst/>
            <a:gdLst/>
            <a:ahLst/>
            <a:cxnLst/>
            <a:rect l="l" t="t" r="r" b="b"/>
            <a:pathLst>
              <a:path w="1121551" h="938025">
                <a:moveTo>
                  <a:pt x="0" y="0"/>
                </a:moveTo>
                <a:lnTo>
                  <a:pt x="1121551" y="0"/>
                </a:lnTo>
                <a:lnTo>
                  <a:pt x="1121551" y="938025"/>
                </a:lnTo>
                <a:lnTo>
                  <a:pt x="0" y="938025"/>
                </a:lnTo>
                <a:lnTo>
                  <a:pt x="0" y="0"/>
                </a:lnTo>
                <a:close/>
              </a:path>
            </a:pathLst>
          </a:custGeom>
          <a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8" name="Freeform 98">
            <a:extLst>
              <a:ext uri="{FF2B5EF4-FFF2-40B4-BE49-F238E27FC236}">
                <a16:creationId xmlns:a16="http://schemas.microsoft.com/office/drawing/2014/main" id="{1FB58C5C-59CB-02D7-6BC0-581916B3267B}"/>
              </a:ext>
            </a:extLst>
          </p:cNvPr>
          <p:cNvSpPr/>
          <p:nvPr/>
        </p:nvSpPr>
        <p:spPr>
          <a:xfrm>
            <a:off x="10848686" y="1597141"/>
            <a:ext cx="826219" cy="574300"/>
          </a:xfrm>
          <a:custGeom>
            <a:avLst/>
            <a:gdLst/>
            <a:ahLst/>
            <a:cxnLst/>
            <a:rect l="l" t="t" r="r" b="b"/>
            <a:pathLst>
              <a:path w="2122274" h="1529567">
                <a:moveTo>
                  <a:pt x="0" y="0"/>
                </a:moveTo>
                <a:lnTo>
                  <a:pt x="2122274" y="0"/>
                </a:lnTo>
                <a:lnTo>
                  <a:pt x="2122274" y="1529567"/>
                </a:lnTo>
                <a:lnTo>
                  <a:pt x="0" y="1529567"/>
                </a:lnTo>
                <a:lnTo>
                  <a:pt x="0" y="0"/>
                </a:lnTo>
                <a:close/>
              </a:path>
            </a:pathLst>
          </a:custGeom>
          <a:blipFill>
            <a:blip r:embed="rId6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9" name="Freeform 99">
            <a:extLst>
              <a:ext uri="{FF2B5EF4-FFF2-40B4-BE49-F238E27FC236}">
                <a16:creationId xmlns:a16="http://schemas.microsoft.com/office/drawing/2014/main" id="{7B80F165-6EDE-35B1-2EA6-30D4C267ABDF}"/>
              </a:ext>
            </a:extLst>
          </p:cNvPr>
          <p:cNvSpPr/>
          <p:nvPr/>
        </p:nvSpPr>
        <p:spPr>
          <a:xfrm>
            <a:off x="2433204" y="4194677"/>
            <a:ext cx="505009" cy="526051"/>
          </a:xfrm>
          <a:custGeom>
            <a:avLst/>
            <a:gdLst/>
            <a:ahLst/>
            <a:cxnLst/>
            <a:rect l="l" t="t" r="r" b="b"/>
            <a:pathLst>
              <a:path w="757513" h="789076">
                <a:moveTo>
                  <a:pt x="0" y="0"/>
                </a:moveTo>
                <a:lnTo>
                  <a:pt x="757513" y="0"/>
                </a:lnTo>
                <a:lnTo>
                  <a:pt x="757513" y="789076"/>
                </a:lnTo>
                <a:lnTo>
                  <a:pt x="0" y="789076"/>
                </a:lnTo>
                <a:lnTo>
                  <a:pt x="0" y="0"/>
                </a:lnTo>
                <a:close/>
              </a:path>
            </a:pathLst>
          </a:custGeom>
          <a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0" name="Freeform 100">
            <a:extLst>
              <a:ext uri="{FF2B5EF4-FFF2-40B4-BE49-F238E27FC236}">
                <a16:creationId xmlns:a16="http://schemas.microsoft.com/office/drawing/2014/main" id="{CCC84625-0431-FEC1-DB16-539752DE5F50}"/>
              </a:ext>
            </a:extLst>
          </p:cNvPr>
          <p:cNvSpPr/>
          <p:nvPr/>
        </p:nvSpPr>
        <p:spPr>
          <a:xfrm>
            <a:off x="2398576" y="3452376"/>
            <a:ext cx="623117" cy="623117"/>
          </a:xfrm>
          <a:custGeom>
            <a:avLst/>
            <a:gdLst/>
            <a:ahLst/>
            <a:cxnLst/>
            <a:rect l="l" t="t" r="r" b="b"/>
            <a:pathLst>
              <a:path w="934676" h="934676">
                <a:moveTo>
                  <a:pt x="0" y="0"/>
                </a:moveTo>
                <a:lnTo>
                  <a:pt x="934676" y="0"/>
                </a:lnTo>
                <a:lnTo>
                  <a:pt x="934676" y="934676"/>
                </a:lnTo>
                <a:lnTo>
                  <a:pt x="0" y="934676"/>
                </a:lnTo>
                <a:lnTo>
                  <a:pt x="0" y="0"/>
                </a:lnTo>
                <a:close/>
              </a:path>
            </a:pathLst>
          </a:custGeom>
          <a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1" name="Freeform 101">
            <a:extLst>
              <a:ext uri="{FF2B5EF4-FFF2-40B4-BE49-F238E27FC236}">
                <a16:creationId xmlns:a16="http://schemas.microsoft.com/office/drawing/2014/main" id="{B8A65E28-86EE-551C-7112-0A2F778570DF}"/>
              </a:ext>
            </a:extLst>
          </p:cNvPr>
          <p:cNvSpPr/>
          <p:nvPr/>
        </p:nvSpPr>
        <p:spPr>
          <a:xfrm>
            <a:off x="2531572" y="4870019"/>
            <a:ext cx="406638" cy="553877"/>
          </a:xfrm>
          <a:custGeom>
            <a:avLst/>
            <a:gdLst/>
            <a:ahLst/>
            <a:cxnLst/>
            <a:rect l="l" t="t" r="r" b="b"/>
            <a:pathLst>
              <a:path w="609957" h="830815">
                <a:moveTo>
                  <a:pt x="0" y="0"/>
                </a:moveTo>
                <a:lnTo>
                  <a:pt x="609957" y="0"/>
                </a:lnTo>
                <a:lnTo>
                  <a:pt x="609957" y="830815"/>
                </a:lnTo>
                <a:lnTo>
                  <a:pt x="0" y="830815"/>
                </a:lnTo>
                <a:lnTo>
                  <a:pt x="0" y="0"/>
                </a:lnTo>
                <a:close/>
              </a:path>
            </a:pathLst>
          </a:custGeom>
          <a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2" name="TextBox 102">
            <a:extLst>
              <a:ext uri="{FF2B5EF4-FFF2-40B4-BE49-F238E27FC236}">
                <a16:creationId xmlns:a16="http://schemas.microsoft.com/office/drawing/2014/main" id="{964713EA-8342-1908-EF15-B90B7341D0E1}"/>
              </a:ext>
            </a:extLst>
          </p:cNvPr>
          <p:cNvSpPr txBox="1"/>
          <p:nvPr/>
        </p:nvSpPr>
        <p:spPr>
          <a:xfrm>
            <a:off x="4952227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ts val="196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400" b="0" i="0" u="none" strike="noStrike" kern="1200" cap="none" spc="0" normalizeH="0" baseline="0" noProof="0">
                <a:ln>
                  <a:noFill/>
                </a:ln>
                <a:solidFill>
                  <a:srgbClr val="F8F7F7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www.supertransporte.gov.co</a:t>
            </a:r>
          </a:p>
        </p:txBody>
      </p:sp>
      <p:grpSp>
        <p:nvGrpSpPr>
          <p:cNvPr id="20" name="Group 22">
            <a:extLst>
              <a:ext uri="{FF2B5EF4-FFF2-40B4-BE49-F238E27FC236}">
                <a16:creationId xmlns:a16="http://schemas.microsoft.com/office/drawing/2014/main" id="{3F283FE5-7B57-B2D1-5FC1-B17CBC48A55C}"/>
              </a:ext>
            </a:extLst>
          </p:cNvPr>
          <p:cNvGrpSpPr/>
          <p:nvPr/>
        </p:nvGrpSpPr>
        <p:grpSpPr>
          <a:xfrm>
            <a:off x="5568598" y="2585276"/>
            <a:ext cx="1781247" cy="539473"/>
            <a:chOff x="0" y="0"/>
            <a:chExt cx="436425" cy="213125"/>
          </a:xfrm>
        </p:grpSpPr>
        <p:sp>
          <p:nvSpPr>
            <p:cNvPr id="41" name="Freeform 23">
              <a:extLst>
                <a:ext uri="{FF2B5EF4-FFF2-40B4-BE49-F238E27FC236}">
                  <a16:creationId xmlns:a16="http://schemas.microsoft.com/office/drawing/2014/main" id="{14ADB6CD-918B-B6F9-62A5-E009055DD9D2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2" name="TextBox 24">
              <a:extLst>
                <a:ext uri="{FF2B5EF4-FFF2-40B4-BE49-F238E27FC236}">
                  <a16:creationId xmlns:a16="http://schemas.microsoft.com/office/drawing/2014/main" id="{135CE279-460B-5242-33A9-437731D68222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SV</a:t>
              </a:r>
            </a:p>
          </p:txBody>
        </p:sp>
      </p:grpSp>
      <p:grpSp>
        <p:nvGrpSpPr>
          <p:cNvPr id="43" name="Group 25">
            <a:extLst>
              <a:ext uri="{FF2B5EF4-FFF2-40B4-BE49-F238E27FC236}">
                <a16:creationId xmlns:a16="http://schemas.microsoft.com/office/drawing/2014/main" id="{11115AA4-A450-8F24-5AFF-67AA5707B0AF}"/>
              </a:ext>
            </a:extLst>
          </p:cNvPr>
          <p:cNvGrpSpPr/>
          <p:nvPr/>
        </p:nvGrpSpPr>
        <p:grpSpPr>
          <a:xfrm>
            <a:off x="5545777" y="3337473"/>
            <a:ext cx="1781247" cy="539473"/>
            <a:chOff x="0" y="0"/>
            <a:chExt cx="436425" cy="213125"/>
          </a:xfrm>
        </p:grpSpPr>
        <p:sp>
          <p:nvSpPr>
            <p:cNvPr id="44" name="Freeform 26">
              <a:extLst>
                <a:ext uri="{FF2B5EF4-FFF2-40B4-BE49-F238E27FC236}">
                  <a16:creationId xmlns:a16="http://schemas.microsoft.com/office/drawing/2014/main" id="{7BC76B06-B30F-CEAC-DE0F-BFF2FCDABEE1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TextBox 27">
              <a:extLst>
                <a:ext uri="{FF2B5EF4-FFF2-40B4-BE49-F238E27FC236}">
                  <a16:creationId xmlns:a16="http://schemas.microsoft.com/office/drawing/2014/main" id="{3CD8F161-34BC-1090-A480-50B33E1CCC51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CCIT</a:t>
              </a:r>
            </a:p>
          </p:txBody>
        </p:sp>
      </p:grpSp>
      <p:grpSp>
        <p:nvGrpSpPr>
          <p:cNvPr id="46" name="Group 28">
            <a:extLst>
              <a:ext uri="{FF2B5EF4-FFF2-40B4-BE49-F238E27FC236}">
                <a16:creationId xmlns:a16="http://schemas.microsoft.com/office/drawing/2014/main" id="{C6A425AF-D8B7-37A3-D544-537F4C42D147}"/>
              </a:ext>
            </a:extLst>
          </p:cNvPr>
          <p:cNvGrpSpPr/>
          <p:nvPr/>
        </p:nvGrpSpPr>
        <p:grpSpPr>
          <a:xfrm>
            <a:off x="5545777" y="4055722"/>
            <a:ext cx="1781247" cy="539473"/>
            <a:chOff x="0" y="0"/>
            <a:chExt cx="436425" cy="213125"/>
          </a:xfrm>
        </p:grpSpPr>
        <p:sp>
          <p:nvSpPr>
            <p:cNvPr id="108" name="Freeform 29">
              <a:extLst>
                <a:ext uri="{FF2B5EF4-FFF2-40B4-BE49-F238E27FC236}">
                  <a16:creationId xmlns:a16="http://schemas.microsoft.com/office/drawing/2014/main" id="{12394AE9-9734-B783-FD32-4E121D80188D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09" name="TextBox 30">
              <a:extLst>
                <a:ext uri="{FF2B5EF4-FFF2-40B4-BE49-F238E27FC236}">
                  <a16:creationId xmlns:a16="http://schemas.microsoft.com/office/drawing/2014/main" id="{9034E0E8-20C5-EFB6-83A6-6115B325F973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OAT/RTM</a:t>
              </a:r>
            </a:p>
          </p:txBody>
        </p:sp>
      </p:grpSp>
      <p:sp>
        <p:nvSpPr>
          <p:cNvPr id="110" name="AutoShape 52">
            <a:extLst>
              <a:ext uri="{FF2B5EF4-FFF2-40B4-BE49-F238E27FC236}">
                <a16:creationId xmlns:a16="http://schemas.microsoft.com/office/drawing/2014/main" id="{0A98565C-BE0C-DCEA-7F6A-853A5D10B897}"/>
              </a:ext>
            </a:extLst>
          </p:cNvPr>
          <p:cNvSpPr/>
          <p:nvPr/>
        </p:nvSpPr>
        <p:spPr>
          <a:xfrm>
            <a:off x="7327024" y="3581402"/>
            <a:ext cx="902579" cy="77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1" name="AutoShape 52">
            <a:extLst>
              <a:ext uri="{FF2B5EF4-FFF2-40B4-BE49-F238E27FC236}">
                <a16:creationId xmlns:a16="http://schemas.microsoft.com/office/drawing/2014/main" id="{724F88B0-1A62-7F5C-C987-BD2D91B4FED7}"/>
              </a:ext>
            </a:extLst>
          </p:cNvPr>
          <p:cNvSpPr/>
          <p:nvPr/>
        </p:nvSpPr>
        <p:spPr>
          <a:xfrm>
            <a:off x="7327024" y="4343402"/>
            <a:ext cx="902565" cy="103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12" name="Group 59">
            <a:extLst>
              <a:ext uri="{FF2B5EF4-FFF2-40B4-BE49-F238E27FC236}">
                <a16:creationId xmlns:a16="http://schemas.microsoft.com/office/drawing/2014/main" id="{90D87488-73B8-2F63-1A44-AE4B43199BF9}"/>
              </a:ext>
            </a:extLst>
          </p:cNvPr>
          <p:cNvGrpSpPr/>
          <p:nvPr/>
        </p:nvGrpSpPr>
        <p:grpSpPr>
          <a:xfrm>
            <a:off x="8746992" y="4507011"/>
            <a:ext cx="3083885" cy="371911"/>
            <a:chOff x="0" y="0"/>
            <a:chExt cx="1082939" cy="172517"/>
          </a:xfrm>
        </p:grpSpPr>
        <p:sp>
          <p:nvSpPr>
            <p:cNvPr id="113" name="Freeform 60">
              <a:extLst>
                <a:ext uri="{FF2B5EF4-FFF2-40B4-BE49-F238E27FC236}">
                  <a16:creationId xmlns:a16="http://schemas.microsoft.com/office/drawing/2014/main" id="{EF8CCBC8-DD71-3497-6FA5-17FBC15BF8A4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14" name="TextBox 61">
              <a:extLst>
                <a:ext uri="{FF2B5EF4-FFF2-40B4-BE49-F238E27FC236}">
                  <a16:creationId xmlns:a16="http://schemas.microsoft.com/office/drawing/2014/main" id="{9AE42D53-2BF7-3D42-099E-38D9A0075787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Contrato de temporada alta </a:t>
              </a:r>
            </a:p>
          </p:txBody>
        </p:sp>
      </p:grpSp>
      <p:grpSp>
        <p:nvGrpSpPr>
          <p:cNvPr id="115" name="Group 59">
            <a:extLst>
              <a:ext uri="{FF2B5EF4-FFF2-40B4-BE49-F238E27FC236}">
                <a16:creationId xmlns:a16="http://schemas.microsoft.com/office/drawing/2014/main" id="{6079182D-75F6-149E-C202-58EAB327B9C6}"/>
              </a:ext>
            </a:extLst>
          </p:cNvPr>
          <p:cNvGrpSpPr/>
          <p:nvPr/>
        </p:nvGrpSpPr>
        <p:grpSpPr>
          <a:xfrm>
            <a:off x="8721982" y="3514291"/>
            <a:ext cx="3083885" cy="371911"/>
            <a:chOff x="0" y="0"/>
            <a:chExt cx="1082939" cy="172517"/>
          </a:xfrm>
        </p:grpSpPr>
        <p:sp>
          <p:nvSpPr>
            <p:cNvPr id="116" name="Freeform 60">
              <a:extLst>
                <a:ext uri="{FF2B5EF4-FFF2-40B4-BE49-F238E27FC236}">
                  <a16:creationId xmlns:a16="http://schemas.microsoft.com/office/drawing/2014/main" id="{929A1EBE-7C3A-6461-FCCF-5F650A279ACA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17" name="TextBox 61">
              <a:extLst>
                <a:ext uri="{FF2B5EF4-FFF2-40B4-BE49-F238E27FC236}">
                  <a16:creationId xmlns:a16="http://schemas.microsoft.com/office/drawing/2014/main" id="{A2E655C7-2EED-AB20-708A-DD4358CF75EC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Estructura de Costos</a:t>
              </a:r>
            </a:p>
          </p:txBody>
        </p:sp>
      </p:grpSp>
      <p:grpSp>
        <p:nvGrpSpPr>
          <p:cNvPr id="118" name="Group 59">
            <a:extLst>
              <a:ext uri="{FF2B5EF4-FFF2-40B4-BE49-F238E27FC236}">
                <a16:creationId xmlns:a16="http://schemas.microsoft.com/office/drawing/2014/main" id="{F2DE5B6C-1A4F-6BBB-A86A-369B22F5B766}"/>
              </a:ext>
            </a:extLst>
          </p:cNvPr>
          <p:cNvGrpSpPr/>
          <p:nvPr/>
        </p:nvGrpSpPr>
        <p:grpSpPr>
          <a:xfrm>
            <a:off x="8727329" y="3987802"/>
            <a:ext cx="3083885" cy="371911"/>
            <a:chOff x="0" y="0"/>
            <a:chExt cx="1082939" cy="172517"/>
          </a:xfrm>
        </p:grpSpPr>
        <p:sp>
          <p:nvSpPr>
            <p:cNvPr id="119" name="Freeform 60">
              <a:extLst>
                <a:ext uri="{FF2B5EF4-FFF2-40B4-BE49-F238E27FC236}">
                  <a16:creationId xmlns:a16="http://schemas.microsoft.com/office/drawing/2014/main" id="{9C93ACCE-63EE-3F2D-88EC-748FAC4C07E6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20" name="TextBox 61">
              <a:extLst>
                <a:ext uri="{FF2B5EF4-FFF2-40B4-BE49-F238E27FC236}">
                  <a16:creationId xmlns:a16="http://schemas.microsoft.com/office/drawing/2014/main" id="{BFE39360-B1C0-DE61-63DB-A4E9C3BE8167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Terminales</a:t>
              </a:r>
            </a:p>
          </p:txBody>
        </p:sp>
      </p:grpSp>
      <p:grpSp>
        <p:nvGrpSpPr>
          <p:cNvPr id="124" name="Group 59">
            <a:extLst>
              <a:ext uri="{FF2B5EF4-FFF2-40B4-BE49-F238E27FC236}">
                <a16:creationId xmlns:a16="http://schemas.microsoft.com/office/drawing/2014/main" id="{187C12CE-C454-A470-F2BF-6A579DC31A36}"/>
              </a:ext>
            </a:extLst>
          </p:cNvPr>
          <p:cNvGrpSpPr/>
          <p:nvPr/>
        </p:nvGrpSpPr>
        <p:grpSpPr>
          <a:xfrm>
            <a:off x="8719087" y="5038291"/>
            <a:ext cx="3083885" cy="371911"/>
            <a:chOff x="0" y="0"/>
            <a:chExt cx="1082939" cy="172517"/>
          </a:xfrm>
        </p:grpSpPr>
        <p:sp>
          <p:nvSpPr>
            <p:cNvPr id="125" name="Freeform 60">
              <a:extLst>
                <a:ext uri="{FF2B5EF4-FFF2-40B4-BE49-F238E27FC236}">
                  <a16:creationId xmlns:a16="http://schemas.microsoft.com/office/drawing/2014/main" id="{AA40FE45-68DA-AE4D-E3AF-B3671862618C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26" name="TextBox 61">
              <a:extLst>
                <a:ext uri="{FF2B5EF4-FFF2-40B4-BE49-F238E27FC236}">
                  <a16:creationId xmlns:a16="http://schemas.microsoft.com/office/drawing/2014/main" id="{BDEFFD85-D53A-4E41-0A57-2E8BAD5C0D51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 – Servicio Especial</a:t>
              </a:r>
            </a:p>
          </p:txBody>
        </p:sp>
      </p:grpSp>
      <p:sp>
        <p:nvSpPr>
          <p:cNvPr id="127" name="AutoShape 52">
            <a:extLst>
              <a:ext uri="{FF2B5EF4-FFF2-40B4-BE49-F238E27FC236}">
                <a16:creationId xmlns:a16="http://schemas.microsoft.com/office/drawing/2014/main" id="{48112439-7961-433A-95C9-3935673D984D}"/>
              </a:ext>
            </a:extLst>
          </p:cNvPr>
          <p:cNvSpPr/>
          <p:nvPr/>
        </p:nvSpPr>
        <p:spPr>
          <a:xfrm>
            <a:off x="8229576" y="2650038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33" name="Group 59">
            <a:extLst>
              <a:ext uri="{FF2B5EF4-FFF2-40B4-BE49-F238E27FC236}">
                <a16:creationId xmlns:a16="http://schemas.microsoft.com/office/drawing/2014/main" id="{194A5DCD-B8AE-2863-332E-868A6244CD14}"/>
              </a:ext>
            </a:extLst>
          </p:cNvPr>
          <p:cNvGrpSpPr/>
          <p:nvPr/>
        </p:nvGrpSpPr>
        <p:grpSpPr>
          <a:xfrm>
            <a:off x="8746992" y="5562602"/>
            <a:ext cx="3083885" cy="371911"/>
            <a:chOff x="0" y="0"/>
            <a:chExt cx="1082939" cy="172517"/>
          </a:xfrm>
        </p:grpSpPr>
        <p:sp>
          <p:nvSpPr>
            <p:cNvPr id="134" name="Freeform 60">
              <a:extLst>
                <a:ext uri="{FF2B5EF4-FFF2-40B4-BE49-F238E27FC236}">
                  <a16:creationId xmlns:a16="http://schemas.microsoft.com/office/drawing/2014/main" id="{2EDAC19C-B5CD-4582-7C37-D077F1D97213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5" name="TextBox 61">
              <a:extLst>
                <a:ext uri="{FF2B5EF4-FFF2-40B4-BE49-F238E27FC236}">
                  <a16:creationId xmlns:a16="http://schemas.microsoft.com/office/drawing/2014/main" id="{9802C4B9-60D0-559A-1FC6-870B971AD0ED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ustentabilidad Financiera</a:t>
              </a:r>
            </a:p>
          </p:txBody>
        </p:sp>
      </p:grpSp>
      <p:sp>
        <p:nvSpPr>
          <p:cNvPr id="137" name="AutoShape 50">
            <a:extLst>
              <a:ext uri="{FF2B5EF4-FFF2-40B4-BE49-F238E27FC236}">
                <a16:creationId xmlns:a16="http://schemas.microsoft.com/office/drawing/2014/main" id="{35EB8844-D73A-4303-832C-CA9216EAFCAD}"/>
              </a:ext>
            </a:extLst>
          </p:cNvPr>
          <p:cNvSpPr/>
          <p:nvPr/>
        </p:nvSpPr>
        <p:spPr>
          <a:xfrm>
            <a:off x="8568015" y="1172155"/>
            <a:ext cx="0" cy="446937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8" name="AutoShape 50">
            <a:extLst>
              <a:ext uri="{FF2B5EF4-FFF2-40B4-BE49-F238E27FC236}">
                <a16:creationId xmlns:a16="http://schemas.microsoft.com/office/drawing/2014/main" id="{E0FEC277-B450-BBE2-7925-73D752E4C393}"/>
              </a:ext>
            </a:extLst>
          </p:cNvPr>
          <p:cNvSpPr/>
          <p:nvPr/>
        </p:nvSpPr>
        <p:spPr>
          <a:xfrm>
            <a:off x="1942572" y="1145387"/>
            <a:ext cx="0" cy="302129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2" name="AutoShape 52">
            <a:extLst>
              <a:ext uri="{FF2B5EF4-FFF2-40B4-BE49-F238E27FC236}">
                <a16:creationId xmlns:a16="http://schemas.microsoft.com/office/drawing/2014/main" id="{1B159A66-7971-7E24-D747-7FAD693CD625}"/>
              </a:ext>
            </a:extLst>
          </p:cNvPr>
          <p:cNvSpPr/>
          <p:nvPr/>
        </p:nvSpPr>
        <p:spPr>
          <a:xfrm>
            <a:off x="8236865" y="3211014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3" name="AutoShape 52">
            <a:extLst>
              <a:ext uri="{FF2B5EF4-FFF2-40B4-BE49-F238E27FC236}">
                <a16:creationId xmlns:a16="http://schemas.microsoft.com/office/drawing/2014/main" id="{9343048C-90D5-B624-89A2-D86983364BF5}"/>
              </a:ext>
            </a:extLst>
          </p:cNvPr>
          <p:cNvSpPr/>
          <p:nvPr/>
        </p:nvSpPr>
        <p:spPr>
          <a:xfrm>
            <a:off x="8221334" y="3708216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4" name="AutoShape 52">
            <a:extLst>
              <a:ext uri="{FF2B5EF4-FFF2-40B4-BE49-F238E27FC236}">
                <a16:creationId xmlns:a16="http://schemas.microsoft.com/office/drawing/2014/main" id="{EFACC6CC-EC8F-E5FC-F27E-F8F001FBB71A}"/>
              </a:ext>
            </a:extLst>
          </p:cNvPr>
          <p:cNvSpPr/>
          <p:nvPr/>
        </p:nvSpPr>
        <p:spPr>
          <a:xfrm>
            <a:off x="8229576" y="4184492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5" name="AutoShape 52">
            <a:extLst>
              <a:ext uri="{FF2B5EF4-FFF2-40B4-BE49-F238E27FC236}">
                <a16:creationId xmlns:a16="http://schemas.microsoft.com/office/drawing/2014/main" id="{9ECB412B-7BE4-DF92-188F-84E65C5EA409}"/>
              </a:ext>
            </a:extLst>
          </p:cNvPr>
          <p:cNvSpPr/>
          <p:nvPr/>
        </p:nvSpPr>
        <p:spPr>
          <a:xfrm>
            <a:off x="8257010" y="4681804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6" name="AutoShape 52">
            <a:extLst>
              <a:ext uri="{FF2B5EF4-FFF2-40B4-BE49-F238E27FC236}">
                <a16:creationId xmlns:a16="http://schemas.microsoft.com/office/drawing/2014/main" id="{EF253940-ECB2-43BC-FC6B-85ABB4E8735B}"/>
              </a:ext>
            </a:extLst>
          </p:cNvPr>
          <p:cNvSpPr/>
          <p:nvPr/>
        </p:nvSpPr>
        <p:spPr>
          <a:xfrm>
            <a:off x="8252408" y="5222908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7" name="AutoShape 52">
            <a:extLst>
              <a:ext uri="{FF2B5EF4-FFF2-40B4-BE49-F238E27FC236}">
                <a16:creationId xmlns:a16="http://schemas.microsoft.com/office/drawing/2014/main" id="{3F57005D-F7B9-51F8-4DEE-DE415C3EFACE}"/>
              </a:ext>
            </a:extLst>
          </p:cNvPr>
          <p:cNvSpPr/>
          <p:nvPr/>
        </p:nvSpPr>
        <p:spPr>
          <a:xfrm>
            <a:off x="8246696" y="5730066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8" name="AutoShape 52">
            <a:extLst>
              <a:ext uri="{FF2B5EF4-FFF2-40B4-BE49-F238E27FC236}">
                <a16:creationId xmlns:a16="http://schemas.microsoft.com/office/drawing/2014/main" id="{1071DE76-814E-5BF2-E76C-CBA94348E13C}"/>
              </a:ext>
            </a:extLst>
          </p:cNvPr>
          <p:cNvSpPr/>
          <p:nvPr/>
        </p:nvSpPr>
        <p:spPr>
          <a:xfrm flipV="1">
            <a:off x="8221334" y="6294719"/>
            <a:ext cx="533429" cy="31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9" name="Group 28">
            <a:extLst>
              <a:ext uri="{FF2B5EF4-FFF2-40B4-BE49-F238E27FC236}">
                <a16:creationId xmlns:a16="http://schemas.microsoft.com/office/drawing/2014/main" id="{DBBFBBA3-3C3D-73B5-3FE3-00E8E0AFC362}"/>
              </a:ext>
            </a:extLst>
          </p:cNvPr>
          <p:cNvGrpSpPr/>
          <p:nvPr/>
        </p:nvGrpSpPr>
        <p:grpSpPr>
          <a:xfrm>
            <a:off x="113877" y="5975279"/>
            <a:ext cx="1226379" cy="210769"/>
            <a:chOff x="0" y="-38100"/>
            <a:chExt cx="436425" cy="353821"/>
          </a:xfrm>
        </p:grpSpPr>
        <p:sp>
          <p:nvSpPr>
            <p:cNvPr id="38" name="Freeform 29">
              <a:extLst>
                <a:ext uri="{FF2B5EF4-FFF2-40B4-BE49-F238E27FC236}">
                  <a16:creationId xmlns:a16="http://schemas.microsoft.com/office/drawing/2014/main" id="{03A262B6-FA6A-2BC9-2670-A40633169E7C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</p:spPr>
          <p:style>
            <a:lnRef idx="2">
              <a:schemeClr val="accent6">
                <a:shade val="15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9" name="TextBox 30">
              <a:extLst>
                <a:ext uri="{FF2B5EF4-FFF2-40B4-BE49-F238E27FC236}">
                  <a16:creationId xmlns:a16="http://schemas.microsoft.com/office/drawing/2014/main" id="{0E2C3858-D34A-8C3E-BF3A-4FE7945013AD}"/>
                </a:ext>
              </a:extLst>
            </p:cNvPr>
            <p:cNvSpPr txBox="1"/>
            <p:nvPr/>
          </p:nvSpPr>
          <p:spPr>
            <a:xfrm>
              <a:off x="0" y="-38100"/>
              <a:ext cx="436425" cy="353821"/>
            </a:xfrm>
            <a:prstGeom prst="rect">
              <a:avLst/>
            </a:prstGeom>
          </p:spPr>
          <p:style>
            <a:lnRef idx="2">
              <a:schemeClr val="accent3">
                <a:shade val="15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00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Operativos</a:t>
              </a:r>
            </a:p>
          </p:txBody>
        </p:sp>
      </p:grpSp>
      <p:grpSp>
        <p:nvGrpSpPr>
          <p:cNvPr id="54" name="Group 59">
            <a:extLst>
              <a:ext uri="{FF2B5EF4-FFF2-40B4-BE49-F238E27FC236}">
                <a16:creationId xmlns:a16="http://schemas.microsoft.com/office/drawing/2014/main" id="{C2EF09B1-0DAB-5B21-A2D4-D58FE7BD2314}"/>
              </a:ext>
            </a:extLst>
          </p:cNvPr>
          <p:cNvGrpSpPr/>
          <p:nvPr/>
        </p:nvGrpSpPr>
        <p:grpSpPr>
          <a:xfrm>
            <a:off x="105888" y="6274591"/>
            <a:ext cx="1240593" cy="229267"/>
            <a:chOff x="0" y="-150150"/>
            <a:chExt cx="1082939" cy="322667"/>
          </a:xfrm>
        </p:grpSpPr>
        <p:sp>
          <p:nvSpPr>
            <p:cNvPr id="55" name="Freeform 60">
              <a:extLst>
                <a:ext uri="{FF2B5EF4-FFF2-40B4-BE49-F238E27FC236}">
                  <a16:creationId xmlns:a16="http://schemas.microsoft.com/office/drawing/2014/main" id="{BEDD9BA3-5CF3-4428-513D-5BBBE02F64D6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  <a:solidFill>
              <a:srgbClr val="CF6207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TextBox 61">
              <a:extLst>
                <a:ext uri="{FF2B5EF4-FFF2-40B4-BE49-F238E27FC236}">
                  <a16:creationId xmlns:a16="http://schemas.microsoft.com/office/drawing/2014/main" id="{18171C30-2BD5-97FE-EB8A-134DF64A3BB9}"/>
                </a:ext>
              </a:extLst>
            </p:cNvPr>
            <p:cNvSpPr txBox="1"/>
            <p:nvPr/>
          </p:nvSpPr>
          <p:spPr>
            <a:xfrm>
              <a:off x="0" y="-150150"/>
              <a:ext cx="1082939" cy="322667"/>
            </a:xfrm>
            <a:prstGeom prst="rect">
              <a:avLst/>
            </a:pr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59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royectos 2024</a:t>
              </a:r>
            </a:p>
          </p:txBody>
        </p:sp>
      </p:grpSp>
      <p:grpSp>
        <p:nvGrpSpPr>
          <p:cNvPr id="58" name="Group 59">
            <a:extLst>
              <a:ext uri="{FF2B5EF4-FFF2-40B4-BE49-F238E27FC236}">
                <a16:creationId xmlns:a16="http://schemas.microsoft.com/office/drawing/2014/main" id="{7F597419-6125-297D-5FDB-B842F0AFF843}"/>
              </a:ext>
            </a:extLst>
          </p:cNvPr>
          <p:cNvGrpSpPr/>
          <p:nvPr/>
        </p:nvGrpSpPr>
        <p:grpSpPr>
          <a:xfrm>
            <a:off x="8711779" y="5989935"/>
            <a:ext cx="3083885" cy="576179"/>
            <a:chOff x="0" y="-38100"/>
            <a:chExt cx="1082939" cy="267270"/>
          </a:xfrm>
        </p:grpSpPr>
        <p:sp>
          <p:nvSpPr>
            <p:cNvPr id="62" name="Freeform 60">
              <a:extLst>
                <a:ext uri="{FF2B5EF4-FFF2-40B4-BE49-F238E27FC236}">
                  <a16:creationId xmlns:a16="http://schemas.microsoft.com/office/drawing/2014/main" id="{A7AFB130-ED41-F12B-3A05-DBD57B955187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3" name="TextBox 61">
              <a:extLst>
                <a:ext uri="{FF2B5EF4-FFF2-40B4-BE49-F238E27FC236}">
                  <a16:creationId xmlns:a16="http://schemas.microsoft.com/office/drawing/2014/main" id="{D9D4C1ED-8FFE-5629-2A87-D3E5E44736B0}"/>
                </a:ext>
              </a:extLst>
            </p:cNvPr>
            <p:cNvSpPr txBox="1"/>
            <p:nvPr/>
          </p:nvSpPr>
          <p:spPr>
            <a:xfrm>
              <a:off x="0" y="-38100"/>
              <a:ext cx="1082939" cy="26727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Requisitos habilitantes y operación </a:t>
              </a:r>
            </a:p>
          </p:txBody>
        </p:sp>
      </p:grpSp>
      <p:grpSp>
        <p:nvGrpSpPr>
          <p:cNvPr id="5" name="Group 59">
            <a:extLst>
              <a:ext uri="{FF2B5EF4-FFF2-40B4-BE49-F238E27FC236}">
                <a16:creationId xmlns:a16="http://schemas.microsoft.com/office/drawing/2014/main" id="{616F97DE-DA7E-822F-A0D0-D5BA6DAC59A8}"/>
              </a:ext>
            </a:extLst>
          </p:cNvPr>
          <p:cNvGrpSpPr/>
          <p:nvPr/>
        </p:nvGrpSpPr>
        <p:grpSpPr>
          <a:xfrm>
            <a:off x="8750161" y="3006243"/>
            <a:ext cx="3083885" cy="371911"/>
            <a:chOff x="0" y="0"/>
            <a:chExt cx="1082939" cy="172517"/>
          </a:xfrm>
        </p:grpSpPr>
        <p:sp>
          <p:nvSpPr>
            <p:cNvPr id="6" name="Freeform 60">
              <a:extLst>
                <a:ext uri="{FF2B5EF4-FFF2-40B4-BE49-F238E27FC236}">
                  <a16:creationId xmlns:a16="http://schemas.microsoft.com/office/drawing/2014/main" id="{C37AE77A-772A-CDEF-C695-DC6D19157404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" name="TextBox 61">
              <a:extLst>
                <a:ext uri="{FF2B5EF4-FFF2-40B4-BE49-F238E27FC236}">
                  <a16:creationId xmlns:a16="http://schemas.microsoft.com/office/drawing/2014/main" id="{FE1677D0-224A-F973-154F-1FB2C9ED9F3D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saje Vehicular</a:t>
              </a:r>
            </a:p>
          </p:txBody>
        </p:sp>
      </p:grpSp>
      <p:grpSp>
        <p:nvGrpSpPr>
          <p:cNvPr id="49" name="Group 59">
            <a:extLst>
              <a:ext uri="{FF2B5EF4-FFF2-40B4-BE49-F238E27FC236}">
                <a16:creationId xmlns:a16="http://schemas.microsoft.com/office/drawing/2014/main" id="{579B007A-7C66-720D-5A2A-0670A1ACE09E}"/>
              </a:ext>
            </a:extLst>
          </p:cNvPr>
          <p:cNvGrpSpPr/>
          <p:nvPr/>
        </p:nvGrpSpPr>
        <p:grpSpPr>
          <a:xfrm>
            <a:off x="4943916" y="5831827"/>
            <a:ext cx="3146176" cy="673774"/>
            <a:chOff x="0" y="-70224"/>
            <a:chExt cx="1104813" cy="312541"/>
          </a:xfrm>
        </p:grpSpPr>
        <p:sp>
          <p:nvSpPr>
            <p:cNvPr id="51" name="Freeform 60">
              <a:extLst>
                <a:ext uri="{FF2B5EF4-FFF2-40B4-BE49-F238E27FC236}">
                  <a16:creationId xmlns:a16="http://schemas.microsoft.com/office/drawing/2014/main" id="{922D39BE-C6AC-8941-E8A8-3D6101156FD6}"/>
                </a:ext>
              </a:extLst>
            </p:cNvPr>
            <p:cNvSpPr/>
            <p:nvPr/>
          </p:nvSpPr>
          <p:spPr>
            <a:xfrm>
              <a:off x="0" y="-3682"/>
              <a:ext cx="1082939" cy="176199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TextBox 61">
              <a:extLst>
                <a:ext uri="{FF2B5EF4-FFF2-40B4-BE49-F238E27FC236}">
                  <a16:creationId xmlns:a16="http://schemas.microsoft.com/office/drawing/2014/main" id="{3EDF8A5C-AC96-1EAE-B10C-1517937D2803}"/>
                </a:ext>
              </a:extLst>
            </p:cNvPr>
            <p:cNvSpPr txBox="1"/>
            <p:nvPr/>
          </p:nvSpPr>
          <p:spPr>
            <a:xfrm>
              <a:off x="21874" y="-70224"/>
              <a:ext cx="1082939" cy="31254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67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Evidencias Digitales infracciones al tránsito y transport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472585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ED8614-16EE-09F6-9E79-5259C3CF801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oogle Shape;158;p13">
            <a:extLst>
              <a:ext uri="{FF2B5EF4-FFF2-40B4-BE49-F238E27FC236}">
                <a16:creationId xmlns:a16="http://schemas.microsoft.com/office/drawing/2014/main" id="{A9919B47-E4D3-159E-3E24-CEB97AAF057F}"/>
              </a:ext>
            </a:extLst>
          </p:cNvPr>
          <p:cNvPicPr preferRelativeResize="0"/>
          <p:nvPr/>
        </p:nvPicPr>
        <p:blipFill rotWithShape="1">
          <a:blip r:embed="rId2"/>
          <a:srcRect t="14076"/>
          <a:stretch/>
        </p:blipFill>
        <p:spPr>
          <a:xfrm>
            <a:off x="4264" y="0"/>
            <a:ext cx="12192003" cy="6859675"/>
          </a:xfrm>
          <a:prstGeom prst="rect">
            <a:avLst/>
          </a:prstGeom>
          <a:noFill/>
        </p:spPr>
      </p:pic>
      <p:sp>
        <p:nvSpPr>
          <p:cNvPr id="5" name="Freeform 13">
            <a:extLst>
              <a:ext uri="{FF2B5EF4-FFF2-40B4-BE49-F238E27FC236}">
                <a16:creationId xmlns:a16="http://schemas.microsoft.com/office/drawing/2014/main" id="{3670243C-3FF0-9DCF-5C24-018EF67C6297}"/>
              </a:ext>
            </a:extLst>
          </p:cNvPr>
          <p:cNvSpPr/>
          <p:nvPr/>
        </p:nvSpPr>
        <p:spPr>
          <a:xfrm>
            <a:off x="371165" y="281940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8" name="AutoShape 16">
            <a:extLst>
              <a:ext uri="{FF2B5EF4-FFF2-40B4-BE49-F238E27FC236}">
                <a16:creationId xmlns:a16="http://schemas.microsoft.com/office/drawing/2014/main" id="{2A0F0D6F-A98B-6A53-4A1B-544218602139}"/>
              </a:ext>
            </a:extLst>
          </p:cNvPr>
          <p:cNvSpPr/>
          <p:nvPr/>
        </p:nvSpPr>
        <p:spPr>
          <a:xfrm>
            <a:off x="3200400" y="3428999"/>
            <a:ext cx="1393420" cy="1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2" name="AutoShape 21">
            <a:extLst>
              <a:ext uri="{FF2B5EF4-FFF2-40B4-BE49-F238E27FC236}">
                <a16:creationId xmlns:a16="http://schemas.microsoft.com/office/drawing/2014/main" id="{3741649E-8F02-6E84-D0A9-F08AF3D10A38}"/>
              </a:ext>
            </a:extLst>
          </p:cNvPr>
          <p:cNvSpPr/>
          <p:nvPr/>
        </p:nvSpPr>
        <p:spPr>
          <a:xfrm flipV="1">
            <a:off x="3198105" y="4355038"/>
            <a:ext cx="1395716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8" name="Freeform 27">
            <a:extLst>
              <a:ext uri="{FF2B5EF4-FFF2-40B4-BE49-F238E27FC236}">
                <a16:creationId xmlns:a16="http://schemas.microsoft.com/office/drawing/2014/main" id="{6C628B84-1BE6-3677-A00E-63A379D72A67}"/>
              </a:ext>
            </a:extLst>
          </p:cNvPr>
          <p:cNvSpPr/>
          <p:nvPr/>
        </p:nvSpPr>
        <p:spPr>
          <a:xfrm>
            <a:off x="4724400" y="2060835"/>
            <a:ext cx="2944104" cy="2824655"/>
          </a:xfrm>
          <a:custGeom>
            <a:avLst/>
            <a:gdLst/>
            <a:ahLst/>
            <a:cxnLst/>
            <a:rect l="l" t="t" r="r" b="b"/>
            <a:pathLst>
              <a:path w="4416156" h="4236983">
                <a:moveTo>
                  <a:pt x="0" y="0"/>
                </a:moveTo>
                <a:lnTo>
                  <a:pt x="4416156" y="0"/>
                </a:lnTo>
                <a:lnTo>
                  <a:pt x="4416156" y="4236983"/>
                </a:lnTo>
                <a:lnTo>
                  <a:pt x="0" y="4236983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9" name="TextBox 29">
            <a:extLst>
              <a:ext uri="{FF2B5EF4-FFF2-40B4-BE49-F238E27FC236}">
                <a16:creationId xmlns:a16="http://schemas.microsoft.com/office/drawing/2014/main" id="{24D86EE4-0DCF-96B8-FF24-BCA883B4A4A1}"/>
              </a:ext>
            </a:extLst>
          </p:cNvPr>
          <p:cNvSpPr txBox="1"/>
          <p:nvPr/>
        </p:nvSpPr>
        <p:spPr>
          <a:xfrm>
            <a:off x="510987" y="5847178"/>
            <a:ext cx="10686671" cy="53860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2147"/>
              </a:lnSpc>
            </a:pPr>
            <a:r>
              <a:rPr lang="es-ES_tradnl" b="1" kern="100">
                <a:latin typeface="Nunito" pitchFamily="2" charset="0"/>
                <a:ea typeface="Aptos" panose="020B0004020202020204" pitchFamily="34" charset="0"/>
                <a:cs typeface="Times New Roman" panose="02020603050405020304" pitchFamily="18" charset="0"/>
              </a:rPr>
              <a:t>Propósito: </a:t>
            </a:r>
            <a:r>
              <a:rPr lang="es-ES_tradnl" b="1" i="1" u="sng" kern="100">
                <a:solidFill>
                  <a:schemeClr val="accent2">
                    <a:lumMod val="50000"/>
                  </a:schemeClr>
                </a:solidFill>
                <a:latin typeface="Nunito" pitchFamily="2" charset="0"/>
                <a:ea typeface="Aptos" panose="020B0004020202020204" pitchFamily="34" charset="0"/>
                <a:cs typeface="Times New Roman" panose="02020603050405020304" pitchFamily="18" charset="0"/>
              </a:rPr>
              <a:t>“Mejorar la eficiencia, transparencia y agilidad en los procesos de inspección, vigilancia y control en el sector del transporte a través de Tecnologías Digitales” </a:t>
            </a:r>
            <a:endParaRPr lang="es-ES_tradnl" b="1" kern="100">
              <a:solidFill>
                <a:schemeClr val="accent2">
                  <a:lumMod val="50000"/>
                </a:schemeClr>
              </a:solidFill>
              <a:latin typeface="Nunito" pitchFamily="2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1" name="TextBox 14">
            <a:extLst>
              <a:ext uri="{FF2B5EF4-FFF2-40B4-BE49-F238E27FC236}">
                <a16:creationId xmlns:a16="http://schemas.microsoft.com/office/drawing/2014/main" id="{5BD56B86-CDE0-90F4-D6E7-B0BB1DFD4E85}"/>
              </a:ext>
            </a:extLst>
          </p:cNvPr>
          <p:cNvSpPr txBox="1"/>
          <p:nvPr/>
        </p:nvSpPr>
        <p:spPr>
          <a:xfrm>
            <a:off x="9313557" y="1280494"/>
            <a:ext cx="2388521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DECISIONES OBJETIVAS BASADAS EN DATOS Y EVIDENCIAS DIGITALES</a:t>
            </a:r>
          </a:p>
        </p:txBody>
      </p:sp>
      <p:sp>
        <p:nvSpPr>
          <p:cNvPr id="25" name="TextBox 2">
            <a:extLst>
              <a:ext uri="{FF2B5EF4-FFF2-40B4-BE49-F238E27FC236}">
                <a16:creationId xmlns:a16="http://schemas.microsoft.com/office/drawing/2014/main" id="{91FD092F-DB2C-F3D8-997B-AC2342EF9613}"/>
              </a:ext>
            </a:extLst>
          </p:cNvPr>
          <p:cNvSpPr txBox="1"/>
          <p:nvPr/>
        </p:nvSpPr>
        <p:spPr>
          <a:xfrm>
            <a:off x="1880447" y="123623"/>
            <a:ext cx="84311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s-CO"/>
            </a:defPPr>
            <a:lvl1pPr algn="ctr">
              <a:defRPr sz="2400" b="1">
                <a:latin typeface="Nunito"/>
              </a:defRPr>
            </a:lvl1pPr>
          </a:lstStyle>
          <a:p>
            <a:r>
              <a:rPr lang="es-ES_tradnl"/>
              <a:t>Transformación Digital</a:t>
            </a:r>
          </a:p>
        </p:txBody>
      </p:sp>
      <p:sp>
        <p:nvSpPr>
          <p:cNvPr id="26" name="Freeform 13">
            <a:extLst>
              <a:ext uri="{FF2B5EF4-FFF2-40B4-BE49-F238E27FC236}">
                <a16:creationId xmlns:a16="http://schemas.microsoft.com/office/drawing/2014/main" id="{E6590CA6-0573-47D0-ADA1-902F1BE82CE6}"/>
              </a:ext>
            </a:extLst>
          </p:cNvPr>
          <p:cNvSpPr/>
          <p:nvPr/>
        </p:nvSpPr>
        <p:spPr>
          <a:xfrm>
            <a:off x="371165" y="1095019"/>
            <a:ext cx="2626035" cy="1429927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27" name="Freeform 13">
            <a:extLst>
              <a:ext uri="{FF2B5EF4-FFF2-40B4-BE49-F238E27FC236}">
                <a16:creationId xmlns:a16="http://schemas.microsoft.com/office/drawing/2014/main" id="{58639D52-B610-5D8B-E17F-142FCEBDD4FC}"/>
              </a:ext>
            </a:extLst>
          </p:cNvPr>
          <p:cNvSpPr/>
          <p:nvPr/>
        </p:nvSpPr>
        <p:spPr>
          <a:xfrm>
            <a:off x="371165" y="4382098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1" name="Freeform 13">
            <a:extLst>
              <a:ext uri="{FF2B5EF4-FFF2-40B4-BE49-F238E27FC236}">
                <a16:creationId xmlns:a16="http://schemas.microsoft.com/office/drawing/2014/main" id="{C28D32B6-9FA7-7AE4-ECE4-F9301E65FD93}"/>
              </a:ext>
            </a:extLst>
          </p:cNvPr>
          <p:cNvSpPr/>
          <p:nvPr/>
        </p:nvSpPr>
        <p:spPr>
          <a:xfrm>
            <a:off x="9194801" y="281940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2" name="Freeform 13">
            <a:extLst>
              <a:ext uri="{FF2B5EF4-FFF2-40B4-BE49-F238E27FC236}">
                <a16:creationId xmlns:a16="http://schemas.microsoft.com/office/drawing/2014/main" id="{E80BEEB4-50AF-72D3-B614-7B131073EF75}"/>
              </a:ext>
            </a:extLst>
          </p:cNvPr>
          <p:cNvSpPr/>
          <p:nvPr/>
        </p:nvSpPr>
        <p:spPr>
          <a:xfrm>
            <a:off x="9194801" y="109502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3" name="Freeform 13">
            <a:extLst>
              <a:ext uri="{FF2B5EF4-FFF2-40B4-BE49-F238E27FC236}">
                <a16:creationId xmlns:a16="http://schemas.microsoft.com/office/drawing/2014/main" id="{EB1C319E-4044-DC77-26A8-C5211E4DB41C}"/>
              </a:ext>
            </a:extLst>
          </p:cNvPr>
          <p:cNvSpPr/>
          <p:nvPr/>
        </p:nvSpPr>
        <p:spPr>
          <a:xfrm>
            <a:off x="9194801" y="4382098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5" name="TextBox 14">
            <a:extLst>
              <a:ext uri="{FF2B5EF4-FFF2-40B4-BE49-F238E27FC236}">
                <a16:creationId xmlns:a16="http://schemas.microsoft.com/office/drawing/2014/main" id="{ABB58813-A63B-F911-2CDD-9D92416590CB}"/>
              </a:ext>
            </a:extLst>
          </p:cNvPr>
          <p:cNvSpPr txBox="1"/>
          <p:nvPr/>
        </p:nvSpPr>
        <p:spPr>
          <a:xfrm>
            <a:off x="9313557" y="3007120"/>
            <a:ext cx="2388521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DIGITALIZAR Y AUTOMATIZAR PROCESOS OPERATIVOS Y MISIONALES</a:t>
            </a:r>
          </a:p>
        </p:txBody>
      </p:sp>
      <p:sp>
        <p:nvSpPr>
          <p:cNvPr id="36" name="TextBox 14">
            <a:extLst>
              <a:ext uri="{FF2B5EF4-FFF2-40B4-BE49-F238E27FC236}">
                <a16:creationId xmlns:a16="http://schemas.microsoft.com/office/drawing/2014/main" id="{4114221E-5DF4-7A2F-93E0-522710689512}"/>
              </a:ext>
            </a:extLst>
          </p:cNvPr>
          <p:cNvSpPr txBox="1"/>
          <p:nvPr/>
        </p:nvSpPr>
        <p:spPr>
          <a:xfrm>
            <a:off x="9290111" y="4440136"/>
            <a:ext cx="2411968" cy="1100301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INTEROPERABILIDAD CON ACTORES RELACIONADOS CON EL SECTOR TRANSPORTE</a:t>
            </a:r>
          </a:p>
        </p:txBody>
      </p:sp>
      <p:sp>
        <p:nvSpPr>
          <p:cNvPr id="37" name="TextBox 14">
            <a:extLst>
              <a:ext uri="{FF2B5EF4-FFF2-40B4-BE49-F238E27FC236}">
                <a16:creationId xmlns:a16="http://schemas.microsoft.com/office/drawing/2014/main" id="{75EC10D0-8779-8212-EFE1-8482BB8E85B6}"/>
              </a:ext>
            </a:extLst>
          </p:cNvPr>
          <p:cNvSpPr txBox="1"/>
          <p:nvPr/>
        </p:nvSpPr>
        <p:spPr>
          <a:xfrm>
            <a:off x="436418" y="1107250"/>
            <a:ext cx="2540000" cy="1382430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FORTALECER LA CONFIANZA  Y MEJORAR EL RELACIONAMIENTO CON NUESTROS VIGILADOS Y USUARIOS</a:t>
            </a:r>
          </a:p>
        </p:txBody>
      </p:sp>
      <p:sp>
        <p:nvSpPr>
          <p:cNvPr id="38" name="TextBox 14">
            <a:extLst>
              <a:ext uri="{FF2B5EF4-FFF2-40B4-BE49-F238E27FC236}">
                <a16:creationId xmlns:a16="http://schemas.microsoft.com/office/drawing/2014/main" id="{1D48B6F3-2347-EB7D-9A2B-650FA7E76185}"/>
              </a:ext>
            </a:extLst>
          </p:cNvPr>
          <p:cNvSpPr txBox="1"/>
          <p:nvPr/>
        </p:nvSpPr>
        <p:spPr>
          <a:xfrm>
            <a:off x="436419" y="3016135"/>
            <a:ext cx="2459182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OPTIMIZAR LA SOLICITUD DE INFORMACIÓN </a:t>
            </a:r>
            <a:r>
              <a:rPr lang="es-ES_tradnl" sz="1100" i="1">
                <a:solidFill>
                  <a:schemeClr val="tx1"/>
                </a:solidFill>
                <a:latin typeface="Nunito" pitchFamily="2" charset="0"/>
              </a:rPr>
              <a:t>“SOLO SI ES  NECESARIO”</a:t>
            </a:r>
          </a:p>
        </p:txBody>
      </p:sp>
      <p:sp>
        <p:nvSpPr>
          <p:cNvPr id="39" name="TextBox 14">
            <a:extLst>
              <a:ext uri="{FF2B5EF4-FFF2-40B4-BE49-F238E27FC236}">
                <a16:creationId xmlns:a16="http://schemas.microsoft.com/office/drawing/2014/main" id="{4606E45B-4655-33D2-56CF-D7C1E6CDC493}"/>
              </a:ext>
            </a:extLst>
          </p:cNvPr>
          <p:cNvSpPr txBox="1"/>
          <p:nvPr/>
        </p:nvSpPr>
        <p:spPr>
          <a:xfrm>
            <a:off x="483632" y="4435490"/>
            <a:ext cx="2411968" cy="1100301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FACILITAR EL REPORTE DE LA INFORMACIÓN  A TRAVÉS DE CANALES 100% DIGITALES</a:t>
            </a:r>
          </a:p>
        </p:txBody>
      </p:sp>
      <p:sp>
        <p:nvSpPr>
          <p:cNvPr id="41" name="AutoShape 21">
            <a:extLst>
              <a:ext uri="{FF2B5EF4-FFF2-40B4-BE49-F238E27FC236}">
                <a16:creationId xmlns:a16="http://schemas.microsoft.com/office/drawing/2014/main" id="{23484416-A08B-C2B9-7648-1C1D583B7B33}"/>
              </a:ext>
            </a:extLst>
          </p:cNvPr>
          <p:cNvSpPr/>
          <p:nvPr/>
        </p:nvSpPr>
        <p:spPr>
          <a:xfrm>
            <a:off x="3198104" y="1901774"/>
            <a:ext cx="1395716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2" name="AutoShape 16">
            <a:extLst>
              <a:ext uri="{FF2B5EF4-FFF2-40B4-BE49-F238E27FC236}">
                <a16:creationId xmlns:a16="http://schemas.microsoft.com/office/drawing/2014/main" id="{5C20FF7D-B23C-3100-17C9-EAC1F9D100CC}"/>
              </a:ext>
            </a:extLst>
          </p:cNvPr>
          <p:cNvSpPr/>
          <p:nvPr/>
        </p:nvSpPr>
        <p:spPr>
          <a:xfrm>
            <a:off x="7799084" y="3393916"/>
            <a:ext cx="1252772" cy="81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3" name="AutoShape 21">
            <a:extLst>
              <a:ext uri="{FF2B5EF4-FFF2-40B4-BE49-F238E27FC236}">
                <a16:creationId xmlns:a16="http://schemas.microsoft.com/office/drawing/2014/main" id="{1692CC24-7E35-3336-F6DD-630D90DEE367}"/>
              </a:ext>
            </a:extLst>
          </p:cNvPr>
          <p:cNvSpPr/>
          <p:nvPr/>
        </p:nvSpPr>
        <p:spPr>
          <a:xfrm>
            <a:off x="7799084" y="4287772"/>
            <a:ext cx="1252773" cy="597717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7" name="AutoShape 21">
            <a:extLst>
              <a:ext uri="{FF2B5EF4-FFF2-40B4-BE49-F238E27FC236}">
                <a16:creationId xmlns:a16="http://schemas.microsoft.com/office/drawing/2014/main" id="{81E8BB3B-4934-ED07-C0A7-6783DD7ECD7B}"/>
              </a:ext>
            </a:extLst>
          </p:cNvPr>
          <p:cNvSpPr/>
          <p:nvPr/>
        </p:nvSpPr>
        <p:spPr>
          <a:xfrm flipV="1">
            <a:off x="7799084" y="1901448"/>
            <a:ext cx="1141717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" name="Google Shape;159;p13">
            <a:extLst>
              <a:ext uri="{FF2B5EF4-FFF2-40B4-BE49-F238E27FC236}">
                <a16:creationId xmlns:a16="http://schemas.microsoft.com/office/drawing/2014/main" id="{0EB93E7E-0D4F-3A60-EF2B-5C4CD6BDD682}"/>
              </a:ext>
            </a:extLst>
          </p:cNvPr>
          <p:cNvSpPr txBox="1"/>
          <p:nvPr/>
        </p:nvSpPr>
        <p:spPr>
          <a:xfrm>
            <a:off x="5039614" y="6599645"/>
            <a:ext cx="2455468" cy="3073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s-CO" sz="1400" b="1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rPr>
              <a:t>www.supertransporte.gov.co</a:t>
            </a:r>
            <a:endParaRPr sz="1400" b="1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2AFC62CA-CBEA-A6CD-417B-05785294126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54022" y="215116"/>
            <a:ext cx="1622279" cy="651280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FB6AD958-056C-082F-A5F5-54C2749F7BD6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770919" y="232491"/>
            <a:ext cx="953303" cy="729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97483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A7D251-154E-9CC6-0199-1C3A427EF0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oogle Shape;158;p13">
            <a:extLst>
              <a:ext uri="{FF2B5EF4-FFF2-40B4-BE49-F238E27FC236}">
                <a16:creationId xmlns:a16="http://schemas.microsoft.com/office/drawing/2014/main" id="{D140A591-37AA-6EF8-41B7-708115169E59}"/>
              </a:ext>
            </a:extLst>
          </p:cNvPr>
          <p:cNvPicPr preferRelativeResize="0"/>
          <p:nvPr/>
        </p:nvPicPr>
        <p:blipFill rotWithShape="1">
          <a:blip r:embed="rId2"/>
          <a:srcRect t="14076"/>
          <a:stretch/>
        </p:blipFill>
        <p:spPr>
          <a:xfrm>
            <a:off x="-8049" y="271393"/>
            <a:ext cx="12192003" cy="6882707"/>
          </a:xfrm>
          <a:prstGeom prst="rect">
            <a:avLst/>
          </a:prstGeom>
          <a:noFill/>
        </p:spPr>
      </p:pic>
      <p:sp>
        <p:nvSpPr>
          <p:cNvPr id="8" name="TextBox 2">
            <a:extLst>
              <a:ext uri="{FF2B5EF4-FFF2-40B4-BE49-F238E27FC236}">
                <a16:creationId xmlns:a16="http://schemas.microsoft.com/office/drawing/2014/main" id="{EA942E8D-F18F-B8F3-85AB-921D75FCFE71}"/>
              </a:ext>
            </a:extLst>
          </p:cNvPr>
          <p:cNvSpPr txBox="1"/>
          <p:nvPr/>
        </p:nvSpPr>
        <p:spPr>
          <a:xfrm>
            <a:off x="2130322" y="271393"/>
            <a:ext cx="833332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s-CO"/>
            </a:defPPr>
            <a:lvl1pPr algn="ctr">
              <a:defRPr sz="2400" b="1">
                <a:solidFill>
                  <a:schemeClr val="accent2"/>
                </a:solidFill>
                <a:latin typeface="Nunito"/>
              </a:defRPr>
            </a:lvl1pPr>
          </a:lstStyle>
          <a:p>
            <a:r>
              <a:rPr lang="es-ES_tradnl">
                <a:solidFill>
                  <a:schemeClr val="tx1"/>
                </a:solidFill>
              </a:rPr>
              <a:t>Proyectos Estratégicos</a:t>
            </a:r>
          </a:p>
        </p:txBody>
      </p:sp>
      <p:sp>
        <p:nvSpPr>
          <p:cNvPr id="10" name="TextBox 17">
            <a:extLst>
              <a:ext uri="{FF2B5EF4-FFF2-40B4-BE49-F238E27FC236}">
                <a16:creationId xmlns:a16="http://schemas.microsoft.com/office/drawing/2014/main" id="{39BC7C5A-E7F7-123D-F80E-4F3210706EC1}"/>
              </a:ext>
            </a:extLst>
          </p:cNvPr>
          <p:cNvSpPr txBox="1"/>
          <p:nvPr/>
        </p:nvSpPr>
        <p:spPr>
          <a:xfrm>
            <a:off x="721529" y="1639635"/>
            <a:ext cx="2309543" cy="53989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 defTabSz="914446">
              <a:lnSpc>
                <a:spcPts val="2199"/>
              </a:lnSpc>
            </a:pPr>
            <a:r>
              <a:rPr lang="es-ES_tradnl" sz="1200" b="1" spc="73" dirty="0">
                <a:latin typeface="Nunito" pitchFamily="2" charset="0"/>
              </a:rPr>
              <a:t>INTEROPERABILIDAD DE DATOS</a:t>
            </a:r>
          </a:p>
        </p:txBody>
      </p:sp>
      <p:sp>
        <p:nvSpPr>
          <p:cNvPr id="11" name="Dodecágono 10">
            <a:extLst>
              <a:ext uri="{FF2B5EF4-FFF2-40B4-BE49-F238E27FC236}">
                <a16:creationId xmlns:a16="http://schemas.microsoft.com/office/drawing/2014/main" id="{CF6FE617-A327-139B-EE12-4D522F611771}"/>
              </a:ext>
            </a:extLst>
          </p:cNvPr>
          <p:cNvSpPr/>
          <p:nvPr/>
        </p:nvSpPr>
        <p:spPr>
          <a:xfrm>
            <a:off x="149976" y="1693621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1</a:t>
            </a:r>
          </a:p>
        </p:txBody>
      </p:sp>
      <p:sp>
        <p:nvSpPr>
          <p:cNvPr id="13" name="TextBox 18">
            <a:extLst>
              <a:ext uri="{FF2B5EF4-FFF2-40B4-BE49-F238E27FC236}">
                <a16:creationId xmlns:a16="http://schemas.microsoft.com/office/drawing/2014/main" id="{8348A2A9-0AB3-BADF-B3D4-C6C8077BA006}"/>
              </a:ext>
            </a:extLst>
          </p:cNvPr>
          <p:cNvSpPr txBox="1"/>
          <p:nvPr/>
        </p:nvSpPr>
        <p:spPr>
          <a:xfrm>
            <a:off x="4748385" y="1741289"/>
            <a:ext cx="2970693" cy="25776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>
            <a:defPPr>
              <a:defRPr lang="es-CO"/>
            </a:defPPr>
            <a:lvl1pPr algn="ctr">
              <a:lnSpc>
                <a:spcPts val="2199"/>
              </a:lnSpc>
              <a:defRPr sz="1600" spc="109">
                <a:solidFill>
                  <a:srgbClr val="000000"/>
                </a:solidFill>
                <a:latin typeface="Raleway Bold"/>
              </a:defRPr>
            </a:lvl1pPr>
          </a:lstStyle>
          <a:p>
            <a:pPr defTabSz="914446"/>
            <a:r>
              <a:rPr lang="es-ES_tradnl" sz="1200" b="1" spc="73">
                <a:solidFill>
                  <a:schemeClr val="tx1"/>
                </a:solidFill>
                <a:latin typeface="Nunito" pitchFamily="2" charset="0"/>
              </a:rPr>
              <a:t>OBSERVATORIO VIC TRANSPORTE </a:t>
            </a:r>
          </a:p>
        </p:txBody>
      </p:sp>
      <p:sp>
        <p:nvSpPr>
          <p:cNvPr id="15" name="Dodecágono 14">
            <a:extLst>
              <a:ext uri="{FF2B5EF4-FFF2-40B4-BE49-F238E27FC236}">
                <a16:creationId xmlns:a16="http://schemas.microsoft.com/office/drawing/2014/main" id="{F946A389-EAE8-9CBE-29E8-DD1150D6FC85}"/>
              </a:ext>
            </a:extLst>
          </p:cNvPr>
          <p:cNvSpPr/>
          <p:nvPr/>
        </p:nvSpPr>
        <p:spPr>
          <a:xfrm>
            <a:off x="4237019" y="1693621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2</a:t>
            </a:r>
          </a:p>
        </p:txBody>
      </p:sp>
      <p:sp>
        <p:nvSpPr>
          <p:cNvPr id="16" name="Dodecágono 15">
            <a:extLst>
              <a:ext uri="{FF2B5EF4-FFF2-40B4-BE49-F238E27FC236}">
                <a16:creationId xmlns:a16="http://schemas.microsoft.com/office/drawing/2014/main" id="{96F39943-B033-F6E8-8FC1-111019CC14F3}"/>
              </a:ext>
            </a:extLst>
          </p:cNvPr>
          <p:cNvSpPr/>
          <p:nvPr/>
        </p:nvSpPr>
        <p:spPr>
          <a:xfrm>
            <a:off x="8541934" y="1678620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3</a:t>
            </a:r>
          </a:p>
        </p:txBody>
      </p:sp>
      <p:pic>
        <p:nvPicPr>
          <p:cNvPr id="17" name="Picture 13">
            <a:extLst>
              <a:ext uri="{FF2B5EF4-FFF2-40B4-BE49-F238E27FC236}">
                <a16:creationId xmlns:a16="http://schemas.microsoft.com/office/drawing/2014/main" id="{73444FA0-A1F3-2899-B724-ECBB1F6861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03900" y="1072527"/>
            <a:ext cx="784198" cy="561655"/>
          </a:xfrm>
          <a:prstGeom prst="rect">
            <a:avLst/>
          </a:prstGeom>
        </p:spPr>
      </p:pic>
      <p:pic>
        <p:nvPicPr>
          <p:cNvPr id="12290" name="Picture 2" descr="Interoperability Difference Stock Illustration - Download Image Now -  Interoperability, Icon Symbol, Chance - iStock">
            <a:extLst>
              <a:ext uri="{FF2B5EF4-FFF2-40B4-BE49-F238E27FC236}">
                <a16:creationId xmlns:a16="http://schemas.microsoft.com/office/drawing/2014/main" id="{86DE3F1B-8563-EE0F-5CD3-06845D40E0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526" t="13560" r="8386" b="9169"/>
          <a:stretch/>
        </p:blipFill>
        <p:spPr bwMode="auto">
          <a:xfrm>
            <a:off x="1574466" y="1071933"/>
            <a:ext cx="660401" cy="6216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extBox 16">
            <a:extLst>
              <a:ext uri="{FF2B5EF4-FFF2-40B4-BE49-F238E27FC236}">
                <a16:creationId xmlns:a16="http://schemas.microsoft.com/office/drawing/2014/main" id="{8DDCED78-B2AC-1EBE-7222-C04B98E9ABEA}"/>
              </a:ext>
            </a:extLst>
          </p:cNvPr>
          <p:cNvSpPr txBox="1"/>
          <p:nvPr/>
        </p:nvSpPr>
        <p:spPr>
          <a:xfrm>
            <a:off x="510700" y="2610996"/>
            <a:ext cx="2939157" cy="343953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REGISTRADURIA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PROCURADURIA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MINTRANSPORTE 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RUNT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RNDC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IP/ REV ( PEAJES ELECTRONICOS)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SIMITT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RUES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SICOV Intrusivo ( CDA, CEA, CRC )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ANSV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INVIAS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 dirty="0">
                <a:latin typeface="Nunito" pitchFamily="2" charset="0"/>
              </a:rPr>
              <a:t>Sistema de Vías Inteligentes - VITTS</a:t>
            </a: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 dirty="0">
              <a:latin typeface="Nunito" pitchFamily="2" charset="0"/>
            </a:endParaRPr>
          </a:p>
        </p:txBody>
      </p:sp>
      <p:sp>
        <p:nvSpPr>
          <p:cNvPr id="19" name="Freeform 2">
            <a:extLst>
              <a:ext uri="{FF2B5EF4-FFF2-40B4-BE49-F238E27FC236}">
                <a16:creationId xmlns:a16="http://schemas.microsoft.com/office/drawing/2014/main" id="{12117534-0AF4-E174-6E47-DB5BD7038DBF}"/>
              </a:ext>
            </a:extLst>
          </p:cNvPr>
          <p:cNvSpPr/>
          <p:nvPr/>
        </p:nvSpPr>
        <p:spPr>
          <a:xfrm>
            <a:off x="231433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0" name="Freeform 2">
            <a:extLst>
              <a:ext uri="{FF2B5EF4-FFF2-40B4-BE49-F238E27FC236}">
                <a16:creationId xmlns:a16="http://schemas.microsoft.com/office/drawing/2014/main" id="{9AE49B5F-B254-5515-A44D-C244A8467E88}"/>
              </a:ext>
            </a:extLst>
          </p:cNvPr>
          <p:cNvSpPr/>
          <p:nvPr/>
        </p:nvSpPr>
        <p:spPr>
          <a:xfrm>
            <a:off x="4445311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1" name="Freeform 2">
            <a:extLst>
              <a:ext uri="{FF2B5EF4-FFF2-40B4-BE49-F238E27FC236}">
                <a16:creationId xmlns:a16="http://schemas.microsoft.com/office/drawing/2014/main" id="{11448A6E-1EC1-9012-7097-36356C799174}"/>
              </a:ext>
            </a:extLst>
          </p:cNvPr>
          <p:cNvSpPr/>
          <p:nvPr/>
        </p:nvSpPr>
        <p:spPr>
          <a:xfrm>
            <a:off x="8663097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2" name="TextBox 18">
            <a:extLst>
              <a:ext uri="{FF2B5EF4-FFF2-40B4-BE49-F238E27FC236}">
                <a16:creationId xmlns:a16="http://schemas.microsoft.com/office/drawing/2014/main" id="{E7C26226-7458-BA55-1AE3-372C8E0AECF3}"/>
              </a:ext>
            </a:extLst>
          </p:cNvPr>
          <p:cNvSpPr txBox="1"/>
          <p:nvPr/>
        </p:nvSpPr>
        <p:spPr>
          <a:xfrm>
            <a:off x="9107703" y="1724184"/>
            <a:ext cx="2970693" cy="25776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>
            <a:defPPr>
              <a:defRPr lang="es-CO"/>
            </a:defPPr>
            <a:lvl1pPr algn="ctr">
              <a:lnSpc>
                <a:spcPts val="2199"/>
              </a:lnSpc>
              <a:defRPr sz="1600" spc="109">
                <a:solidFill>
                  <a:srgbClr val="000000"/>
                </a:solidFill>
                <a:latin typeface="Raleway Bold"/>
              </a:defRPr>
            </a:lvl1pPr>
          </a:lstStyle>
          <a:p>
            <a:pPr defTabSz="914446"/>
            <a:r>
              <a:rPr lang="es-ES_tradnl" sz="1200" b="1" spc="73">
                <a:solidFill>
                  <a:schemeClr val="tx1"/>
                </a:solidFill>
                <a:latin typeface="Nunito" pitchFamily="2" charset="0"/>
              </a:rPr>
              <a:t>SUPERINTENDENCIA DIGITAL</a:t>
            </a:r>
          </a:p>
        </p:txBody>
      </p:sp>
      <p:sp>
        <p:nvSpPr>
          <p:cNvPr id="23" name="Freeform 8">
            <a:extLst>
              <a:ext uri="{FF2B5EF4-FFF2-40B4-BE49-F238E27FC236}">
                <a16:creationId xmlns:a16="http://schemas.microsoft.com/office/drawing/2014/main" id="{2163BCCF-6F86-1DE4-61FF-53D3FF917087}"/>
              </a:ext>
            </a:extLst>
          </p:cNvPr>
          <p:cNvSpPr/>
          <p:nvPr/>
        </p:nvSpPr>
        <p:spPr>
          <a:xfrm>
            <a:off x="9921480" y="1072526"/>
            <a:ext cx="757000" cy="561655"/>
          </a:xfrm>
          <a:custGeom>
            <a:avLst/>
            <a:gdLst/>
            <a:ahLst/>
            <a:cxnLst/>
            <a:rect l="l" t="t" r="r" b="b"/>
            <a:pathLst>
              <a:path w="1777995" h="1777995">
                <a:moveTo>
                  <a:pt x="0" y="0"/>
                </a:moveTo>
                <a:lnTo>
                  <a:pt x="1777995" y="0"/>
                </a:lnTo>
                <a:lnTo>
                  <a:pt x="1777995" y="1777995"/>
                </a:lnTo>
                <a:lnTo>
                  <a:pt x="0" y="1777995"/>
                </a:lnTo>
                <a:lnTo>
                  <a:pt x="0" y="0"/>
                </a:lnTo>
                <a:close/>
              </a:path>
            </a:pathLst>
          </a:custGeom>
          <a:blipFill>
            <a:blip r:embed="rId8">
              <a:alphaModFix amt="77000"/>
            </a:blip>
            <a:stretch>
              <a:fillRect/>
            </a:stretch>
          </a:blipFill>
        </p:spPr>
        <p:txBody>
          <a:bodyPr/>
          <a:lstStyle/>
          <a:p>
            <a:endParaRPr lang="es-ES_tradnl" sz="1400">
              <a:latin typeface="Nunito" pitchFamily="2" charset="0"/>
            </a:endParaRPr>
          </a:p>
        </p:txBody>
      </p:sp>
      <p:sp>
        <p:nvSpPr>
          <p:cNvPr id="25" name="TextBox 16">
            <a:extLst>
              <a:ext uri="{FF2B5EF4-FFF2-40B4-BE49-F238E27FC236}">
                <a16:creationId xmlns:a16="http://schemas.microsoft.com/office/drawing/2014/main" id="{FF842DC5-B144-A339-85DA-41DDA36CC7EC}"/>
              </a:ext>
            </a:extLst>
          </p:cNvPr>
          <p:cNvSpPr txBox="1"/>
          <p:nvPr/>
        </p:nvSpPr>
        <p:spPr>
          <a:xfrm>
            <a:off x="4661418" y="2328869"/>
            <a:ext cx="2939157" cy="400378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CONTROL DE EVASIÓN SOAR /RTM</a:t>
            </a:r>
          </a:p>
          <a:p>
            <a:pPr marL="0" lvl="1" defTabSz="914446">
              <a:lnSpc>
                <a:spcPts val="2199"/>
              </a:lnSpc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POLIZAS CONTRACTUALES Y EXTRACONTRACTUALES 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ESTADÍSTICAS DE TRÁFICO PORTUARIO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VISOR GEOGRÁFICO DE PUERTOS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INDICADORES FINANCIEROS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SEGUIMIENTO PESV,  PECCIT , POLIZAS, TERMINALES</a:t>
            </a: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>
              <a:latin typeface="Nunito" pitchFamily="2" charset="0"/>
            </a:endParaRPr>
          </a:p>
        </p:txBody>
      </p:sp>
      <p:sp>
        <p:nvSpPr>
          <p:cNvPr id="26" name="TextBox 16">
            <a:extLst>
              <a:ext uri="{FF2B5EF4-FFF2-40B4-BE49-F238E27FC236}">
                <a16:creationId xmlns:a16="http://schemas.microsoft.com/office/drawing/2014/main" id="{F54F0B82-4EAC-AE08-7E3C-9BF5DFD90642}"/>
              </a:ext>
            </a:extLst>
          </p:cNvPr>
          <p:cNvSpPr txBox="1"/>
          <p:nvPr/>
        </p:nvSpPr>
        <p:spPr>
          <a:xfrm>
            <a:off x="8867481" y="2268299"/>
            <a:ext cx="2939157" cy="401520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0" lvl="1" algn="just" defTabSz="914446">
              <a:lnSpc>
                <a:spcPts val="2199"/>
              </a:lnSpc>
            </a:pPr>
            <a:r>
              <a:rPr lang="es-ES_tradnl" sz="1100" b="1" spc="73">
                <a:latin typeface="Nunito" pitchFamily="2" charset="0"/>
              </a:rPr>
              <a:t>Canal 100% digital para acceder a los servicios digitales de la entidad:</a:t>
            </a:r>
          </a:p>
          <a:p>
            <a:pPr marL="0" lvl="1" defTabSz="914446">
              <a:lnSpc>
                <a:spcPts val="2199"/>
              </a:lnSpc>
            </a:pPr>
            <a:endParaRPr lang="es-ES_tradnl" sz="1100" b="1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PETICIONES , QUEJAS Y RECLAMOS </a:t>
            </a:r>
          </a:p>
          <a:p>
            <a:pPr marL="0" lvl="1" defTabSz="914446">
              <a:lnSpc>
                <a:spcPts val="2199"/>
              </a:lnSpc>
            </a:pPr>
            <a:endParaRPr lang="es-ES_tradnl" sz="110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INFORMES ÚNICOS DE INFRACCIONES AL TRANSPORTE – IUIT</a:t>
            </a:r>
          </a:p>
          <a:p>
            <a:pPr marL="0" lvl="1" defTabSz="914446">
              <a:lnSpc>
                <a:spcPts val="2199"/>
              </a:lnSpc>
            </a:pPr>
            <a:endParaRPr lang="es-ES_tradnl" sz="105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SOLICITUD, REVISIÓN Y APROBACIÓN DE RETIRO DE VEHÍCULOS INMOVILIZADOS</a:t>
            </a: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endParaRPr lang="es-ES_tradnl" sz="110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INTEGRAR APLICACIONES VIGIA, TAUX, ORFEO,PESV, PECCIT,PECSO</a:t>
            </a:r>
            <a:endParaRPr lang="es-ES_tradnl" sz="1100" b="1" spc="73">
              <a:latin typeface="Nunito" pitchFamily="2" charset="0"/>
            </a:endParaRP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>
              <a:latin typeface="Nunito" pitchFamily="2" charset="0"/>
            </a:endParaRPr>
          </a:p>
        </p:txBody>
      </p:sp>
      <p:sp>
        <p:nvSpPr>
          <p:cNvPr id="3" name="Google Shape;159;p13">
            <a:extLst>
              <a:ext uri="{FF2B5EF4-FFF2-40B4-BE49-F238E27FC236}">
                <a16:creationId xmlns:a16="http://schemas.microsoft.com/office/drawing/2014/main" id="{AF58A69F-D93F-7B63-43B0-7E8AC828D8C4}"/>
              </a:ext>
            </a:extLst>
          </p:cNvPr>
          <p:cNvSpPr txBox="1"/>
          <p:nvPr/>
        </p:nvSpPr>
        <p:spPr>
          <a:xfrm>
            <a:off x="5039614" y="6599645"/>
            <a:ext cx="2455468" cy="3073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s-CO" sz="1400" b="1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rPr>
              <a:t>www.supertransporte.gov.co</a:t>
            </a:r>
            <a:endParaRPr sz="1400" b="1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8C088241-514A-106E-393A-92CDEE1E1EE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54022" y="215116"/>
            <a:ext cx="1622279" cy="651280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719440A3-3844-33C4-8CDE-02BCAE3005E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770919" y="232491"/>
            <a:ext cx="953303" cy="729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0561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872067" y="2513072"/>
            <a:ext cx="7462770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Resultado Evasión</a:t>
            </a:r>
          </a:p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 SOAT /RTM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0280303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22668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41" name="TextBox 41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43" name="TextBox 19">
            <a:extLst>
              <a:ext uri="{FF2B5EF4-FFF2-40B4-BE49-F238E27FC236}">
                <a16:creationId xmlns:a16="http://schemas.microsoft.com/office/drawing/2014/main" id="{F6A2318C-5767-8AD1-AEF9-E8385CD9682B}"/>
              </a:ext>
            </a:extLst>
          </p:cNvPr>
          <p:cNvSpPr txBox="1"/>
          <p:nvPr/>
        </p:nvSpPr>
        <p:spPr>
          <a:xfrm>
            <a:off x="2180977" y="222744"/>
            <a:ext cx="6600061" cy="100598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s-ES_tradnl" sz="2800" b="1" dirty="0" err="1">
                <a:solidFill>
                  <a:srgbClr val="000000"/>
                </a:solidFill>
                <a:latin typeface="Raleway Bold"/>
              </a:rPr>
              <a:t>Evasion</a:t>
            </a:r>
            <a:r>
              <a:rPr lang="es-ES_tradnl" sz="2800" b="1" dirty="0">
                <a:solidFill>
                  <a:srgbClr val="000000"/>
                </a:solidFill>
                <a:latin typeface="Raleway Bold"/>
              </a:rPr>
              <a:t> SOAT / RTM – Departamento del Magdalena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id="{A068360E-249B-AA74-CD8F-AD6074E88E2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25272"/>
          <a:stretch/>
        </p:blipFill>
        <p:spPr>
          <a:xfrm>
            <a:off x="5571168" y="2679163"/>
            <a:ext cx="6343785" cy="3404022"/>
          </a:xfrm>
          <a:prstGeom prst="rect">
            <a:avLst/>
          </a:prstGeom>
        </p:spPr>
      </p:pic>
      <p:pic>
        <p:nvPicPr>
          <p:cNvPr id="9" name="Imagen 8">
            <a:extLst>
              <a:ext uri="{FF2B5EF4-FFF2-40B4-BE49-F238E27FC236}">
                <a16:creationId xmlns:a16="http://schemas.microsoft.com/office/drawing/2014/main" id="{89304D7D-8055-B8AD-2460-BCC3B55A0ACE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74126" t="2759" r="2608" b="80007"/>
          <a:stretch/>
        </p:blipFill>
        <p:spPr>
          <a:xfrm>
            <a:off x="10199389" y="1550605"/>
            <a:ext cx="1637980" cy="871246"/>
          </a:xfrm>
          <a:prstGeom prst="rect">
            <a:avLst/>
          </a:prstGeom>
        </p:spPr>
      </p:pic>
      <p:sp>
        <p:nvSpPr>
          <p:cNvPr id="10" name="CuadroTexto 9">
            <a:extLst>
              <a:ext uri="{FF2B5EF4-FFF2-40B4-BE49-F238E27FC236}">
                <a16:creationId xmlns:a16="http://schemas.microsoft.com/office/drawing/2014/main" id="{1D66D6AF-031E-7C93-2609-EB1FB29AC075}"/>
              </a:ext>
            </a:extLst>
          </p:cNvPr>
          <p:cNvSpPr txBox="1"/>
          <p:nvPr/>
        </p:nvSpPr>
        <p:spPr>
          <a:xfrm>
            <a:off x="5654560" y="1914335"/>
            <a:ext cx="4167209" cy="461665"/>
          </a:xfrm>
          <a:prstGeom prst="rect">
            <a:avLst/>
          </a:prstGeom>
          <a:solidFill>
            <a:schemeClr val="accent3">
              <a:lumMod val="50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s-CO" sz="1200" b="1" kern="100" dirty="0">
                <a:solidFill>
                  <a:schemeClr val="bg1"/>
                </a:solidFill>
                <a:effectLst/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Vehículos con mas de 6 años sin SOAT y RTM Vigente en el Departamento del Magdalena</a:t>
            </a:r>
            <a:r>
              <a:rPr lang="es-CO" sz="1200" kern="100" dirty="0">
                <a:solidFill>
                  <a:schemeClr val="bg1"/>
                </a:solidFill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”</a:t>
            </a:r>
            <a:endParaRPr lang="es-ES_tradnl" sz="1200" kern="100" dirty="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</p:txBody>
      </p:sp>
      <p:sp>
        <p:nvSpPr>
          <p:cNvPr id="11" name="Freeform 2">
            <a:extLst>
              <a:ext uri="{FF2B5EF4-FFF2-40B4-BE49-F238E27FC236}">
                <a16:creationId xmlns:a16="http://schemas.microsoft.com/office/drawing/2014/main" id="{60F7AC39-AFDB-83E8-8201-27E96A1C4C46}"/>
              </a:ext>
            </a:extLst>
          </p:cNvPr>
          <p:cNvSpPr/>
          <p:nvPr/>
        </p:nvSpPr>
        <p:spPr>
          <a:xfrm>
            <a:off x="199697" y="2093173"/>
            <a:ext cx="4993851" cy="4284832"/>
          </a:xfrm>
          <a:custGeom>
            <a:avLst/>
            <a:gdLst/>
            <a:ahLst/>
            <a:cxnLst/>
            <a:rect l="l" t="t" r="r" b="b"/>
            <a:pathLst>
              <a:path w="10258831" h="4680296">
                <a:moveTo>
                  <a:pt x="0" y="0"/>
                </a:moveTo>
                <a:lnTo>
                  <a:pt x="10258831" y="0"/>
                </a:lnTo>
                <a:lnTo>
                  <a:pt x="10258831" y="4680296"/>
                </a:lnTo>
                <a:lnTo>
                  <a:pt x="0" y="4680296"/>
                </a:lnTo>
                <a:lnTo>
                  <a:pt x="0" y="0"/>
                </a:lnTo>
                <a:close/>
              </a:path>
            </a:pathLst>
          </a:custGeom>
          <a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/>
          </a:p>
        </p:txBody>
      </p:sp>
      <p:grpSp>
        <p:nvGrpSpPr>
          <p:cNvPr id="12" name="Group 12">
            <a:extLst>
              <a:ext uri="{FF2B5EF4-FFF2-40B4-BE49-F238E27FC236}">
                <a16:creationId xmlns:a16="http://schemas.microsoft.com/office/drawing/2014/main" id="{0F5B6AE8-1E62-EACA-1FEB-0535883CD056}"/>
              </a:ext>
            </a:extLst>
          </p:cNvPr>
          <p:cNvGrpSpPr/>
          <p:nvPr/>
        </p:nvGrpSpPr>
        <p:grpSpPr>
          <a:xfrm>
            <a:off x="354631" y="1435053"/>
            <a:ext cx="3652692" cy="544487"/>
            <a:chOff x="0" y="0"/>
            <a:chExt cx="1245379" cy="142631"/>
          </a:xfrm>
        </p:grpSpPr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D5A92B63-2C0F-AC8C-ED24-1F162B830194}"/>
                </a:ext>
              </a:extLst>
            </p:cNvPr>
            <p:cNvSpPr/>
            <p:nvPr/>
          </p:nvSpPr>
          <p:spPr>
            <a:xfrm>
              <a:off x="0" y="0"/>
              <a:ext cx="1245379" cy="142631"/>
            </a:xfrm>
            <a:custGeom>
              <a:avLst/>
              <a:gdLst/>
              <a:ahLst/>
              <a:cxnLst/>
              <a:rect l="l" t="t" r="r" b="b"/>
              <a:pathLst>
                <a:path w="1245379" h="142631">
                  <a:moveTo>
                    <a:pt x="71315" y="0"/>
                  </a:moveTo>
                  <a:lnTo>
                    <a:pt x="1174063" y="0"/>
                  </a:lnTo>
                  <a:cubicBezTo>
                    <a:pt x="1192977" y="0"/>
                    <a:pt x="1211117" y="7514"/>
                    <a:pt x="1224491" y="20888"/>
                  </a:cubicBezTo>
                  <a:cubicBezTo>
                    <a:pt x="1237865" y="34262"/>
                    <a:pt x="1245379" y="52401"/>
                    <a:pt x="1245379" y="71315"/>
                  </a:cubicBezTo>
                  <a:lnTo>
                    <a:pt x="1245379" y="71315"/>
                  </a:lnTo>
                  <a:cubicBezTo>
                    <a:pt x="1245379" y="90229"/>
                    <a:pt x="1237865" y="108369"/>
                    <a:pt x="1224491" y="121743"/>
                  </a:cubicBezTo>
                  <a:cubicBezTo>
                    <a:pt x="1211117" y="135117"/>
                    <a:pt x="1192977" y="142631"/>
                    <a:pt x="1174063" y="142631"/>
                  </a:cubicBezTo>
                  <a:lnTo>
                    <a:pt x="71315" y="142631"/>
                  </a:lnTo>
                  <a:cubicBezTo>
                    <a:pt x="52401" y="142631"/>
                    <a:pt x="34262" y="135117"/>
                    <a:pt x="20888" y="121743"/>
                  </a:cubicBezTo>
                  <a:cubicBezTo>
                    <a:pt x="7514" y="108369"/>
                    <a:pt x="0" y="90229"/>
                    <a:pt x="0" y="71315"/>
                  </a:cubicBezTo>
                  <a:lnTo>
                    <a:pt x="0" y="71315"/>
                  </a:lnTo>
                  <a:cubicBezTo>
                    <a:pt x="0" y="52401"/>
                    <a:pt x="7514" y="34262"/>
                    <a:pt x="20888" y="20888"/>
                  </a:cubicBezTo>
                  <a:cubicBezTo>
                    <a:pt x="34262" y="7514"/>
                    <a:pt x="52401" y="0"/>
                    <a:pt x="71315" y="0"/>
                  </a:cubicBezTo>
                  <a:close/>
                </a:path>
              </a:pathLst>
            </a:custGeom>
            <a:solidFill>
              <a:srgbClr val="48808A"/>
            </a:solidFill>
          </p:spPr>
          <p:txBody>
            <a:bodyPr/>
            <a:lstStyle/>
            <a:p>
              <a:endParaRPr lang="es-ES_tradnl" sz="2400"/>
            </a:p>
          </p:txBody>
        </p:sp>
        <p:sp>
          <p:nvSpPr>
            <p:cNvPr id="14" name="TextBox 14">
              <a:extLst>
                <a:ext uri="{FF2B5EF4-FFF2-40B4-BE49-F238E27FC236}">
                  <a16:creationId xmlns:a16="http://schemas.microsoft.com/office/drawing/2014/main" id="{0513B7C2-9B6D-3174-82FB-4CC23C466D07}"/>
                </a:ext>
              </a:extLst>
            </p:cNvPr>
            <p:cNvSpPr txBox="1"/>
            <p:nvPr/>
          </p:nvSpPr>
          <p:spPr>
            <a:xfrm>
              <a:off x="0" y="9145"/>
              <a:ext cx="1245379" cy="133485"/>
            </a:xfrm>
            <a:prstGeom prst="rect">
              <a:avLst/>
            </a:prstGeom>
          </p:spPr>
          <p:txBody>
            <a:bodyPr lIns="50801" tIns="50801" rIns="50801" bIns="50801" rtlCol="0" anchor="ctr"/>
            <a:lstStyle/>
            <a:p>
              <a:pPr algn="ctr">
                <a:lnSpc>
                  <a:spcPts val="2660"/>
                </a:lnSpc>
              </a:pPr>
              <a:r>
                <a:rPr lang="en-US" sz="2400" spc="143" dirty="0">
                  <a:solidFill>
                    <a:srgbClr val="FFFFFF"/>
                  </a:solidFill>
                  <a:latin typeface="Open Sans Bold"/>
                </a:rPr>
                <a:t>Evasion SOAT y RTM</a:t>
              </a:r>
            </a:p>
          </p:txBody>
        </p:sp>
      </p:grpSp>
      <p:sp>
        <p:nvSpPr>
          <p:cNvPr id="15" name="TextBox 3">
            <a:extLst>
              <a:ext uri="{FF2B5EF4-FFF2-40B4-BE49-F238E27FC236}">
                <a16:creationId xmlns:a16="http://schemas.microsoft.com/office/drawing/2014/main" id="{69171863-74DB-A984-E2D6-28E5CA2F0498}"/>
              </a:ext>
            </a:extLst>
          </p:cNvPr>
          <p:cNvSpPr txBox="1"/>
          <p:nvPr/>
        </p:nvSpPr>
        <p:spPr>
          <a:xfrm>
            <a:off x="277047" y="2263937"/>
            <a:ext cx="4916501" cy="3909725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just">
              <a:lnSpc>
                <a:spcPts val="2231"/>
              </a:lnSpc>
            </a:pPr>
            <a:r>
              <a:rPr lang="es-ES_tradnl" sz="1200" b="1" dirty="0">
                <a:solidFill>
                  <a:srgbClr val="000000"/>
                </a:solidFill>
                <a:latin typeface="Raleway Bold"/>
              </a:rPr>
              <a:t>Parque Automotor: 19.169.112</a:t>
            </a:r>
          </a:p>
          <a:p>
            <a:pPr algn="just">
              <a:lnSpc>
                <a:spcPts val="2231"/>
              </a:lnSpc>
            </a:pPr>
            <a:r>
              <a:rPr lang="es-ES_tradnl" sz="1200" b="1" dirty="0">
                <a:solidFill>
                  <a:srgbClr val="000000"/>
                </a:solidFill>
                <a:latin typeface="Raleway Bold"/>
              </a:rPr>
              <a:t>SOAT / RTM Vigente: 9.919.265 ( 52 % )</a:t>
            </a:r>
          </a:p>
          <a:p>
            <a:pPr algn="just">
              <a:lnSpc>
                <a:spcPts val="2231"/>
              </a:lnSpc>
            </a:pPr>
            <a:r>
              <a:rPr lang="es-ES_tradnl" sz="1200" b="1" dirty="0">
                <a:solidFill>
                  <a:srgbClr val="000000"/>
                </a:solidFill>
                <a:latin typeface="Raleway Bold"/>
              </a:rPr>
              <a:t>SOAT / RTM NO Vigente: 9.249.847 ( 48 % )</a:t>
            </a:r>
          </a:p>
          <a:p>
            <a:pPr algn="just">
              <a:lnSpc>
                <a:spcPts val="2231"/>
              </a:lnSpc>
            </a:pPr>
            <a:endParaRPr lang="es-ES_tradnl" sz="1200" b="1" dirty="0">
              <a:solidFill>
                <a:srgbClr val="000000"/>
              </a:solidFill>
              <a:latin typeface="Raleway Bold"/>
            </a:endParaRPr>
          </a:p>
          <a:p>
            <a:pPr algn="just">
              <a:lnSpc>
                <a:spcPts val="2231"/>
              </a:lnSpc>
            </a:pPr>
            <a:r>
              <a:rPr lang="es-ES_tradnl" sz="1200" b="1" dirty="0">
                <a:solidFill>
                  <a:srgbClr val="000000"/>
                </a:solidFill>
                <a:latin typeface="Raleway Bold"/>
              </a:rPr>
              <a:t>Acciones :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 dirty="0">
                <a:solidFill>
                  <a:srgbClr val="000000"/>
                </a:solidFill>
                <a:latin typeface="Raleway Bold"/>
              </a:rPr>
              <a:t>66.500</a:t>
            </a:r>
            <a:r>
              <a:rPr lang="es-ES_tradnl" sz="1100" dirty="0">
                <a:solidFill>
                  <a:srgbClr val="000000"/>
                </a:solidFill>
                <a:latin typeface="Raleway Bold"/>
              </a:rPr>
              <a:t> mensajes enviados a entidades públicas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 dirty="0">
                <a:solidFill>
                  <a:srgbClr val="000000"/>
                </a:solidFill>
                <a:latin typeface="Raleway Bold"/>
              </a:rPr>
              <a:t>3.128</a:t>
            </a:r>
            <a:r>
              <a:rPr lang="es-ES_tradnl" sz="1100" dirty="0">
                <a:solidFill>
                  <a:srgbClr val="000000"/>
                </a:solidFill>
                <a:latin typeface="Raleway Bold"/>
              </a:rPr>
              <a:t> mensajes enviados a misiones diplomáticas u organismos multilaterales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 dirty="0">
                <a:solidFill>
                  <a:srgbClr val="000000"/>
                </a:solidFill>
                <a:latin typeface="Raleway Bold"/>
              </a:rPr>
              <a:t>238.000</a:t>
            </a:r>
            <a:r>
              <a:rPr lang="es-ES_tradnl" sz="1100" dirty="0">
                <a:solidFill>
                  <a:srgbClr val="000000"/>
                </a:solidFill>
                <a:latin typeface="Raleway Bold"/>
              </a:rPr>
              <a:t> mensajes enviados a empresas de transporte publico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 dirty="0">
                <a:solidFill>
                  <a:srgbClr val="000000"/>
                </a:solidFill>
                <a:latin typeface="Raleway Bold"/>
              </a:rPr>
              <a:t>9.607</a:t>
            </a:r>
            <a:r>
              <a:rPr lang="es-ES_tradnl" sz="1100" dirty="0">
                <a:solidFill>
                  <a:srgbClr val="000000"/>
                </a:solidFill>
                <a:latin typeface="Raleway Bold"/>
              </a:rPr>
              <a:t> mensajes enviados a propietarios de vehículos (servicio público)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dirty="0">
                <a:solidFill>
                  <a:srgbClr val="000000"/>
                </a:solidFill>
                <a:latin typeface="Raleway Bold"/>
              </a:rPr>
              <a:t>Envió de 947.000 de mensajes de texto a propietarios</a:t>
            </a:r>
            <a:endParaRPr lang="es-ES_tradnl" sz="1200" b="1" dirty="0">
              <a:solidFill>
                <a:srgbClr val="000000"/>
              </a:solidFill>
              <a:latin typeface="Raleway Bold"/>
            </a:endParaRPr>
          </a:p>
          <a:p>
            <a:pPr algn="just">
              <a:lnSpc>
                <a:spcPts val="2231"/>
              </a:lnSpc>
            </a:pPr>
            <a:r>
              <a:rPr lang="es-ES_tradnl" sz="1200" b="1" dirty="0">
                <a:solidFill>
                  <a:srgbClr val="000000"/>
                </a:solidFill>
                <a:latin typeface="Raleway Bold"/>
              </a:rPr>
              <a:t>Conclusión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900" dirty="0">
                <a:solidFill>
                  <a:srgbClr val="000000"/>
                </a:solidFill>
                <a:latin typeface="Raleway Bold"/>
              </a:rPr>
              <a:t>Disminución de la evasión del SOAT/RTM  </a:t>
            </a:r>
            <a:r>
              <a:rPr lang="es-ES_tradnl" sz="900" dirty="0">
                <a:solidFill>
                  <a:srgbClr val="000000"/>
                </a:solidFill>
                <a:latin typeface="Raleway Bold"/>
                <a:sym typeface="Wingdings" pitchFamily="2" charset="2"/>
              </a:rPr>
              <a:t> </a:t>
            </a:r>
            <a:r>
              <a:rPr lang="es-ES_tradnl" sz="900" dirty="0">
                <a:solidFill>
                  <a:srgbClr val="000000"/>
                </a:solidFill>
                <a:latin typeface="Raleway Bold"/>
              </a:rPr>
              <a:t>51% (</a:t>
            </a:r>
            <a:r>
              <a:rPr lang="es-ES_tradnl" sz="900" dirty="0" err="1">
                <a:solidFill>
                  <a:srgbClr val="000000"/>
                </a:solidFill>
                <a:latin typeface="Raleway Bold"/>
              </a:rPr>
              <a:t>Sep</a:t>
            </a:r>
            <a:r>
              <a:rPr lang="es-ES_tradnl" sz="900" dirty="0">
                <a:solidFill>
                  <a:srgbClr val="000000"/>
                </a:solidFill>
                <a:latin typeface="Raleway Bold"/>
              </a:rPr>
              <a:t> 2022) al 47% (febrero 2024)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900" dirty="0">
                <a:solidFill>
                  <a:srgbClr val="000000"/>
                </a:solidFill>
                <a:latin typeface="Raleway Bold"/>
              </a:rPr>
              <a:t>Se identifico que el </a:t>
            </a:r>
            <a:r>
              <a:rPr lang="es-ES_tradnl" sz="900" b="1" dirty="0">
                <a:solidFill>
                  <a:srgbClr val="000000"/>
                </a:solidFill>
                <a:latin typeface="Raleway Bold"/>
              </a:rPr>
              <a:t>55% de vehículos llevan más de 6 años sin SOAT (4.903.692 Vehículos) presuntamente se encuentran inmovilizados </a:t>
            </a:r>
          </a:p>
        </p:txBody>
      </p:sp>
      <p:sp>
        <p:nvSpPr>
          <p:cNvPr id="16" name="Freeform 9">
            <a:extLst>
              <a:ext uri="{FF2B5EF4-FFF2-40B4-BE49-F238E27FC236}">
                <a16:creationId xmlns:a16="http://schemas.microsoft.com/office/drawing/2014/main" id="{5DE3260D-185B-246B-CC09-223DFCCF82B2}"/>
              </a:ext>
            </a:extLst>
          </p:cNvPr>
          <p:cNvSpPr/>
          <p:nvPr/>
        </p:nvSpPr>
        <p:spPr>
          <a:xfrm>
            <a:off x="7573663" y="966066"/>
            <a:ext cx="898601" cy="720209"/>
          </a:xfrm>
          <a:custGeom>
            <a:avLst/>
            <a:gdLst/>
            <a:ahLst/>
            <a:cxnLst/>
            <a:rect l="l" t="t" r="r" b="b"/>
            <a:pathLst>
              <a:path w="1925945" h="2060836">
                <a:moveTo>
                  <a:pt x="0" y="0"/>
                </a:moveTo>
                <a:lnTo>
                  <a:pt x="1925945" y="0"/>
                </a:lnTo>
                <a:lnTo>
                  <a:pt x="1925945" y="2060836"/>
                </a:lnTo>
                <a:lnTo>
                  <a:pt x="0" y="2060836"/>
                </a:lnTo>
                <a:lnTo>
                  <a:pt x="0" y="0"/>
                </a:lnTo>
                <a:close/>
              </a:path>
            </a:pathLst>
          </a:custGeom>
          <a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2700"/>
          </a:p>
        </p:txBody>
      </p:sp>
    </p:spTree>
    <p:extLst>
      <p:ext uri="{BB962C8B-B14F-4D97-AF65-F5344CB8AC3E}">
        <p14:creationId xmlns:p14="http://schemas.microsoft.com/office/powerpoint/2010/main" val="281772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1430184" y="2513072"/>
            <a:ext cx="6904653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Resultado validación pólizas - 2023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063363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Tema de Offic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06EEDA0F55372E4891A89A2BE54F794D" ma:contentTypeVersion="14" ma:contentTypeDescription="Crear nuevo documento." ma:contentTypeScope="" ma:versionID="ba04d2501b9b02b3ca323c26b0e1fb3c">
  <xsd:schema xmlns:xsd="http://www.w3.org/2001/XMLSchema" xmlns:xs="http://www.w3.org/2001/XMLSchema" xmlns:p="http://schemas.microsoft.com/office/2006/metadata/properties" xmlns:ns2="1575ee04-a3eb-4b55-9013-79c8ea199ed3" xmlns:ns3="07430b0e-3795-4a85-8387-4dbe1ebc948f" targetNamespace="http://schemas.microsoft.com/office/2006/metadata/properties" ma:root="true" ma:fieldsID="12fd2e6318e00d006c4698f89388b21f" ns2:_="" ns3:_="">
    <xsd:import namespace="1575ee04-a3eb-4b55-9013-79c8ea199ed3"/>
    <xsd:import namespace="07430b0e-3795-4a85-8387-4dbe1ebc948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575ee04-a3eb-4b55-9013-79c8ea199ed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9" nillable="true" ma:taxonomy="true" ma:internalName="lcf76f155ced4ddcb4097134ff3c332f" ma:taxonomyFieldName="MediaServiceImageTags" ma:displayName="Etiquetas de imagen" ma:readOnly="false" ma:fieldId="{5cf76f15-5ced-4ddc-b409-7134ff3c332f}" ma:taxonomyMulti="true" ma:sspId="dbcad680-5a29-4d0b-8086-9ecf1ca567a9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7430b0e-3795-4a85-8387-4dbe1ebc948f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Compartido con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talles de uso compartido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3a35812d-a7a1-4f6c-ad1c-c9a28e6ec501}" ma:internalName="TaxCatchAll" ma:showField="CatchAllData" ma:web="07430b0e-3795-4a85-8387-4dbe1ebc948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1575ee04-a3eb-4b55-9013-79c8ea199ed3">
      <Terms xmlns="http://schemas.microsoft.com/office/infopath/2007/PartnerControls"/>
    </lcf76f155ced4ddcb4097134ff3c332f>
    <TaxCatchAll xmlns="07430b0e-3795-4a85-8387-4dbe1ebc948f" xsi:nil="true"/>
  </documentManagement>
</p:properties>
</file>

<file path=customXml/itemProps1.xml><?xml version="1.0" encoding="utf-8"?>
<ds:datastoreItem xmlns:ds="http://schemas.openxmlformats.org/officeDocument/2006/customXml" ds:itemID="{AECE6F32-AFE8-475D-9920-B5B93D6F3FA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8B817B7C-2CC1-471F-B0DA-7DB9FF3CECC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575ee04-a3eb-4b55-9013-79c8ea199ed3"/>
    <ds:schemaRef ds:uri="07430b0e-3795-4a85-8387-4dbe1ebc948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6740438-D230-4975-9AF6-230CFB4B76F2}">
  <ds:schemaRefs>
    <ds:schemaRef ds:uri="http://schemas.microsoft.com/office/2006/documentManagement/types"/>
    <ds:schemaRef ds:uri="07430b0e-3795-4a85-8387-4dbe1ebc948f"/>
    <ds:schemaRef ds:uri="http://www.w3.org/XML/1998/namespace"/>
    <ds:schemaRef ds:uri="http://purl.org/dc/terms/"/>
    <ds:schemaRef ds:uri="http://purl.org/dc/dcmitype/"/>
    <ds:schemaRef ds:uri="http://purl.org/dc/elements/1.1/"/>
    <ds:schemaRef ds:uri="1575ee04-a3eb-4b55-9013-79c8ea199ed3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I- PESV Ministro</Template>
  <TotalTime>0</TotalTime>
  <Words>2102</Words>
  <Application>Microsoft Office PowerPoint</Application>
  <PresentationFormat>Panorámica</PresentationFormat>
  <Paragraphs>461</Paragraphs>
  <Slides>22</Slides>
  <Notes>0</Notes>
  <HiddenSlides>0</HiddenSlides>
  <MMClips>0</MMClips>
  <ScaleCrop>false</ScaleCrop>
  <HeadingPairs>
    <vt:vector size="4" baseType="variant">
      <vt:variant>
        <vt:lpstr>Tema</vt:lpstr>
      </vt:variant>
      <vt:variant>
        <vt:i4>2</vt:i4>
      </vt:variant>
      <vt:variant>
        <vt:lpstr>Títulos de diapositiva</vt:lpstr>
      </vt:variant>
      <vt:variant>
        <vt:i4>22</vt:i4>
      </vt:variant>
    </vt:vector>
  </HeadingPairs>
  <TitlesOfParts>
    <vt:vector size="24" baseType="lpstr">
      <vt:lpstr>Tema de Office</vt:lpstr>
      <vt:lpstr>1_Tema de Office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Geraldinne Yizeth Mendoza Rodriguez</dc:creator>
  <cp:lastModifiedBy>Gabriela Escalante</cp:lastModifiedBy>
  <cp:revision>4</cp:revision>
  <dcterms:created xsi:type="dcterms:W3CDTF">2024-03-07T01:29:01Z</dcterms:created>
  <dcterms:modified xsi:type="dcterms:W3CDTF">2024-05-10T16:36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6EEDA0F55372E4891A89A2BE54F794D</vt:lpwstr>
  </property>
</Properties>
</file>